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22"/>
  </p:notesMasterIdLst>
  <p:handoutMasterIdLst>
    <p:handoutMasterId r:id="rId23"/>
  </p:handoutMasterIdLst>
  <p:sldIdLst>
    <p:sldId id="265" r:id="rId3"/>
    <p:sldId id="316" r:id="rId4"/>
    <p:sldId id="317" r:id="rId5"/>
    <p:sldId id="318" r:id="rId6"/>
    <p:sldId id="301" r:id="rId7"/>
    <p:sldId id="302" r:id="rId8"/>
    <p:sldId id="310" r:id="rId9"/>
    <p:sldId id="315" r:id="rId10"/>
    <p:sldId id="303" r:id="rId11"/>
    <p:sldId id="304" r:id="rId12"/>
    <p:sldId id="290" r:id="rId13"/>
    <p:sldId id="291" r:id="rId14"/>
    <p:sldId id="292" r:id="rId15"/>
    <p:sldId id="276" r:id="rId16"/>
    <p:sldId id="311" r:id="rId17"/>
    <p:sldId id="298" r:id="rId18"/>
    <p:sldId id="305" r:id="rId19"/>
    <p:sldId id="306" r:id="rId20"/>
    <p:sldId id="307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pos="6816" userDrawn="1">
          <p15:clr>
            <a:srgbClr val="A4A3A4"/>
          </p15:clr>
        </p15:guide>
        <p15:guide id="3" pos="816" userDrawn="1">
          <p15:clr>
            <a:srgbClr val="A4A3A4"/>
          </p15:clr>
        </p15:guide>
        <p15:guide id="4" orient="horz" pos="21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8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301B821-A1FF-4177-AEE7-76D212191A0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79619" autoAdjust="0"/>
  </p:normalViewPr>
  <p:slideViewPr>
    <p:cSldViewPr>
      <p:cViewPr varScale="1">
        <p:scale>
          <a:sx n="89" d="100"/>
          <a:sy n="89" d="100"/>
        </p:scale>
        <p:origin x="466" y="72"/>
      </p:cViewPr>
      <p:guideLst>
        <p:guide pos="3840"/>
        <p:guide pos="6816"/>
        <p:guide pos="816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95" d="100"/>
          <a:sy n="95" d="100"/>
        </p:scale>
        <p:origin x="3576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viewProps" Target="view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commentAuthors" Target="commentAuthor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3_4">
  <dgm:title val=""/>
  <dgm:desc val=""/>
  <dgm:catLst>
    <dgm:cat type="accent3" pri="11400"/>
  </dgm:catLst>
  <dgm:styleLbl name="node0">
    <dgm:fillClrLst meth="cycle">
      <a:schemeClr val="accent3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3">
        <a:shade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3">
        <a:shade val="50000"/>
      </a:schemeClr>
      <a:schemeClr val="accent3">
        <a:tint val="55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3">
        <a:shade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3">
        <a:shade val="80000"/>
        <a:alpha val="50000"/>
      </a:schemeClr>
      <a:schemeClr val="accent3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3">
        <a:shade val="90000"/>
      </a:schemeClr>
      <a:schemeClr val="accent3">
        <a:tint val="50000"/>
      </a:schemeClr>
    </dgm:fillClrLst>
    <dgm:linClrLst meth="cycle">
      <a:schemeClr val="accent3">
        <a:shade val="90000"/>
      </a:schemeClr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3">
        <a:shade val="8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3">
        <a:shade val="50000"/>
      </a:schemeClr>
      <a:schemeClr val="accent3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55000"/>
      </a:schemeClr>
    </dgm:fillClrLst>
    <dgm:linClrLst meth="repeat">
      <a:schemeClr val="accent3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55000"/>
      </a:schemeClr>
    </dgm:fillClrLst>
    <dgm:linClrLst meth="repeat">
      <a:schemeClr val="accent3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55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5_1" csCatId="accent5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 smtClean="0"/>
            <a:t>Jason Zander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 smtClean="0"/>
            <a:t>Lawrie Gaffney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 smtClean="0"/>
            <a:t>Patrick lliott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i="1" dirty="0" smtClean="0"/>
            <a:t>VP Finance</a:t>
          </a:r>
          <a:endParaRPr lang="en-US" i="1" dirty="0"/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 smtClean="0"/>
            <a:t>Lola Jacobsen</a:t>
          </a:r>
          <a:br>
            <a:rPr lang="en-US" b="1" dirty="0" smtClean="0"/>
          </a:br>
          <a:r>
            <a:rPr lang="en-US" i="1" dirty="0" smtClean="0"/>
            <a:t>VP Accounting</a:t>
          </a:r>
          <a:endParaRPr lang="en-US" i="1" dirty="0"/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 smtClean="0"/>
            <a:t>Olivier Renaud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 smtClean="0"/>
            <a:t>Spencer Lowe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 smtClean="0"/>
            <a:t>Mike </a:t>
          </a:r>
          <a:r>
            <a:rPr lang="en-US" b="1" dirty="0" err="1" smtClean="0"/>
            <a:t>Danselio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 smtClean="0"/>
            <a:t>Prashanth</a:t>
          </a:r>
          <a:r>
            <a:rPr lang="en-US" b="1" dirty="0" smtClean="0"/>
            <a:t> Desai</a:t>
          </a:r>
          <a:br>
            <a:rPr lang="en-US" b="1" dirty="0" smtClean="0"/>
          </a:br>
          <a:r>
            <a:rPr lang="en-US" b="0" dirty="0" smtClean="0"/>
            <a:t>Regiona</a:t>
          </a:r>
          <a:r>
            <a:rPr lang="en-US" b="1" dirty="0" smtClean="0"/>
            <a:t>l</a:t>
          </a:r>
          <a:r>
            <a:rPr lang="en-US" i="1" dirty="0" smtClean="0"/>
            <a:t>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 smtClean="0"/>
            <a:t>Szabolcs</a:t>
          </a:r>
          <a:r>
            <a:rPr lang="en-US" b="1" dirty="0" smtClean="0"/>
            <a:t> </a:t>
          </a:r>
          <a:r>
            <a:rPr lang="en-US" b="1" dirty="0" err="1" smtClean="0"/>
            <a:t>Vajda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b="0" dirty="0" smtClean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 smtClean="0"/>
            <a:t>Jason </a:t>
          </a:r>
          <a:r>
            <a:rPr lang="en-US" b="1" dirty="0" err="1" smtClean="0"/>
            <a:t>Kozleski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Human Resources</a:t>
          </a:r>
          <a:endParaRPr lang="en-US" i="1" dirty="0"/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 smtClean="0"/>
            <a:t>Pat Coleman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Customer Svc</a:t>
          </a:r>
          <a:endParaRPr lang="en-US" i="1" dirty="0"/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 smtClean="0"/>
            <a:t>Gym Manager</a:t>
          </a:r>
          <a:endParaRPr lang="en-US" dirty="0"/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 smtClean="0"/>
            <a:t>Assistant Manager of Gym</a:t>
          </a:r>
          <a:endParaRPr lang="en-US" dirty="0"/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 smtClean="0"/>
            <a:t>HR representative</a:t>
          </a:r>
          <a:endParaRPr lang="en-US" b="1" dirty="0"/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CE8C80FB-60E7-4AF2-A5D4-70F61A3AF146}" type="pres">
      <dgm:prSet presAssocID="{6213EA93-67B3-4DEB-8CC6-93A0B2AF7CD7}" presName="hierRoot1" presStyleCnt="0"/>
      <dgm:spPr/>
    </dgm:pt>
    <dgm:pt modelId="{874EBE65-A3F8-4DDE-B261-0F583100BA2A}" type="pres">
      <dgm:prSet presAssocID="{6213EA93-67B3-4DEB-8CC6-93A0B2AF7CD7}" presName="composite" presStyleCnt="0"/>
      <dgm:spPr/>
    </dgm:pt>
    <dgm:pt modelId="{987E00FC-04B5-4421-A96F-CA460E2B19DF}" type="pres">
      <dgm:prSet presAssocID="{6213EA93-67B3-4DEB-8CC6-93A0B2AF7CD7}" presName="background" presStyleLbl="node0" presStyleIdx="0" presStyleCnt="1"/>
      <dgm:spPr/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C468468-BDA1-487F-88FB-B9ABBC5E6DDC}" type="pres">
      <dgm:prSet presAssocID="{6213EA93-67B3-4DEB-8CC6-93A0B2AF7CD7}" presName="hierChild2" presStyleCnt="0"/>
      <dgm:spPr/>
    </dgm:pt>
    <dgm:pt modelId="{47C6150A-D796-4FB1-9AC7-64B824B4A8AC}" type="pres">
      <dgm:prSet presAssocID="{15FC0DA2-D4A5-4ADB-8E29-59099AD0F12C}" presName="Name10" presStyleLbl="parChTrans1D2" presStyleIdx="0" presStyleCnt="3"/>
      <dgm:spPr/>
      <dgm:t>
        <a:bodyPr/>
        <a:lstStyle/>
        <a:p>
          <a:endParaRPr lang="en-US"/>
        </a:p>
      </dgm:t>
    </dgm:pt>
    <dgm:pt modelId="{56059F83-EEDF-4592-9895-E2B4617E7D80}" type="pres">
      <dgm:prSet presAssocID="{EAF97F65-8743-416C-95B4-C2A504120B0F}" presName="hierRoot2" presStyleCnt="0"/>
      <dgm:spPr/>
    </dgm:pt>
    <dgm:pt modelId="{F9E8864B-0266-4B71-AE20-FF928823FD57}" type="pres">
      <dgm:prSet presAssocID="{EAF97F65-8743-416C-95B4-C2A504120B0F}" presName="composite2" presStyleCnt="0"/>
      <dgm:spPr/>
    </dgm:pt>
    <dgm:pt modelId="{E5517394-D959-43B0-B5C5-7EB48695E2C4}" type="pres">
      <dgm:prSet presAssocID="{EAF97F65-8743-416C-95B4-C2A504120B0F}" presName="background2" presStyleLbl="node2" presStyleIdx="0" presStyleCnt="3"/>
      <dgm:spPr/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A6630A3-7E00-4906-A0BD-3ABF17FEC00E}" type="pres">
      <dgm:prSet presAssocID="{EAF97F65-8743-416C-95B4-C2A504120B0F}" presName="hierChild3" presStyleCnt="0"/>
      <dgm:spPr/>
    </dgm:pt>
    <dgm:pt modelId="{EB928631-2B17-47FC-8968-E2AAB4978614}" type="pres">
      <dgm:prSet presAssocID="{FC127E7E-FFD8-4856-B22A-FC2DE70AAD12}" presName="Name17" presStyleLbl="parChTrans1D3" presStyleIdx="0" presStyleCnt="7"/>
      <dgm:spPr/>
      <dgm:t>
        <a:bodyPr/>
        <a:lstStyle/>
        <a:p>
          <a:endParaRPr lang="en-US"/>
        </a:p>
      </dgm:t>
    </dgm:pt>
    <dgm:pt modelId="{CD9CA8EB-33F0-44AB-AF20-115C2759A819}" type="pres">
      <dgm:prSet presAssocID="{146B5BCA-F4A0-4A38-B33B-EC8BFA2CE5CF}" presName="hierRoot3" presStyleCnt="0"/>
      <dgm:spPr/>
    </dgm:pt>
    <dgm:pt modelId="{38B9188F-55FB-43FB-9195-EE06A17987AE}" type="pres">
      <dgm:prSet presAssocID="{146B5BCA-F4A0-4A38-B33B-EC8BFA2CE5CF}" presName="composite3" presStyleCnt="0"/>
      <dgm:spPr/>
    </dgm:pt>
    <dgm:pt modelId="{3D56BD52-D03A-4047-AD41-D4D4A6EFB434}" type="pres">
      <dgm:prSet presAssocID="{146B5BCA-F4A0-4A38-B33B-EC8BFA2CE5CF}" presName="background3" presStyleLbl="node3" presStyleIdx="0" presStyleCnt="7"/>
      <dgm:spPr/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723E493-FC94-4BA6-9B42-EE921A71E7B6}" type="pres">
      <dgm:prSet presAssocID="{146B5BCA-F4A0-4A38-B33B-EC8BFA2CE5CF}" presName="hierChild4" presStyleCnt="0"/>
      <dgm:spPr/>
    </dgm:pt>
    <dgm:pt modelId="{6B5FEBAB-8837-4482-8475-02454E646497}" type="pres">
      <dgm:prSet presAssocID="{EAAC9F3D-08AD-45A0-9A5F-D7390FFDB894}" presName="Name17" presStyleLbl="parChTrans1D3" presStyleIdx="1" presStyleCnt="7"/>
      <dgm:spPr/>
      <dgm:t>
        <a:bodyPr/>
        <a:lstStyle/>
        <a:p>
          <a:endParaRPr lang="en-US"/>
        </a:p>
      </dgm:t>
    </dgm:pt>
    <dgm:pt modelId="{6FD540EF-744F-48DA-A8EC-7F073B1CADF4}" type="pres">
      <dgm:prSet presAssocID="{164FCC03-4F21-4358-A0AA-BBEEBC094581}" presName="hierRoot3" presStyleCnt="0"/>
      <dgm:spPr/>
    </dgm:pt>
    <dgm:pt modelId="{6DDA07EF-6815-4476-90D5-8200789CEEB9}" type="pres">
      <dgm:prSet presAssocID="{164FCC03-4F21-4358-A0AA-BBEEBC094581}" presName="composite3" presStyleCnt="0"/>
      <dgm:spPr/>
    </dgm:pt>
    <dgm:pt modelId="{DCB1E33D-13EC-4E25-974B-BEC1BFAB8C57}" type="pres">
      <dgm:prSet presAssocID="{164FCC03-4F21-4358-A0AA-BBEEBC094581}" presName="background3" presStyleLbl="node3" presStyleIdx="1" presStyleCnt="7"/>
      <dgm:spPr/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C3E7A23-657A-4D4E-8E8E-5F6F07AAE592}" type="pres">
      <dgm:prSet presAssocID="{164FCC03-4F21-4358-A0AA-BBEEBC094581}" presName="hierChild4" presStyleCnt="0"/>
      <dgm:spPr/>
    </dgm:pt>
    <dgm:pt modelId="{A5505B47-1C8A-4C07-AF2D-C665D2BAA430}" type="pres">
      <dgm:prSet presAssocID="{E426D81F-885D-4A50-9105-225BE949C588}" presName="Name23" presStyleLbl="parChTrans1D4" presStyleIdx="0" presStyleCnt="3"/>
      <dgm:spPr/>
      <dgm:t>
        <a:bodyPr/>
        <a:lstStyle/>
        <a:p>
          <a:endParaRPr lang="en-US"/>
        </a:p>
      </dgm:t>
    </dgm:pt>
    <dgm:pt modelId="{AFC5C2A6-033C-4BF7-9AD2-9E7BBCBB5102}" type="pres">
      <dgm:prSet presAssocID="{120DF69A-7722-4323-AC9F-CF716549C0C8}" presName="hierRoot4" presStyleCnt="0"/>
      <dgm:spPr/>
    </dgm:pt>
    <dgm:pt modelId="{9EC784B7-8165-4625-AABB-0F004035F8D4}" type="pres">
      <dgm:prSet presAssocID="{120DF69A-7722-4323-AC9F-CF716549C0C8}" presName="composite4" presStyleCnt="0"/>
      <dgm:spPr/>
    </dgm:pt>
    <dgm:pt modelId="{3EAB1CE4-68D7-4335-A270-8E3EB71A5790}" type="pres">
      <dgm:prSet presAssocID="{120DF69A-7722-4323-AC9F-CF716549C0C8}" presName="background4" presStyleLbl="node4" presStyleIdx="0" presStyleCnt="3"/>
      <dgm:spPr/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BBE044D-8067-4A5E-8B4F-6293FDF70F4A}" type="pres">
      <dgm:prSet presAssocID="{120DF69A-7722-4323-AC9F-CF716549C0C8}" presName="hierChild5" presStyleCnt="0"/>
      <dgm:spPr/>
    </dgm:pt>
    <dgm:pt modelId="{64D0538D-E072-4653-B991-7AC462ECA95E}" type="pres">
      <dgm:prSet presAssocID="{94307531-09D1-438D-8640-7E264C6EFC6E}" presName="Name23" presStyleLbl="parChTrans1D4" presStyleIdx="1" presStyleCnt="3"/>
      <dgm:spPr/>
      <dgm:t>
        <a:bodyPr/>
        <a:lstStyle/>
        <a:p>
          <a:endParaRPr lang="en-US"/>
        </a:p>
      </dgm:t>
    </dgm:pt>
    <dgm:pt modelId="{5B466F0E-7934-4073-8247-B7BC1FB60C1C}" type="pres">
      <dgm:prSet presAssocID="{A6415F64-6F7B-472D-8B37-6FF4CE623A27}" presName="hierRoot4" presStyleCnt="0"/>
      <dgm:spPr/>
    </dgm:pt>
    <dgm:pt modelId="{BFE84D15-95E1-46FA-A22C-5830295A92C2}" type="pres">
      <dgm:prSet presAssocID="{A6415F64-6F7B-472D-8B37-6FF4CE623A27}" presName="composite4" presStyleCnt="0"/>
      <dgm:spPr/>
    </dgm:pt>
    <dgm:pt modelId="{8629E89B-2488-4E84-8D53-9ABAE0E950DB}" type="pres">
      <dgm:prSet presAssocID="{A6415F64-6F7B-472D-8B37-6FF4CE623A27}" presName="background4" presStyleLbl="node4" presStyleIdx="1" presStyleCnt="3"/>
      <dgm:spPr/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3272FD52-00DE-4F04-91C8-9E071C01C60D}" type="pres">
      <dgm:prSet presAssocID="{A6415F64-6F7B-472D-8B37-6FF4CE623A27}" presName="hierChild5" presStyleCnt="0"/>
      <dgm:spPr/>
    </dgm:pt>
    <dgm:pt modelId="{B7EAC32E-5B12-4CF8-A403-4ABB602D7616}" type="pres">
      <dgm:prSet presAssocID="{8063EE34-467A-4F04-B562-3BB8FA14321A}" presName="Name23" presStyleLbl="parChTrans1D4" presStyleIdx="2" presStyleCnt="3"/>
      <dgm:spPr/>
      <dgm:t>
        <a:bodyPr/>
        <a:lstStyle/>
        <a:p>
          <a:endParaRPr lang="en-US"/>
        </a:p>
      </dgm:t>
    </dgm:pt>
    <dgm:pt modelId="{A2061678-C485-4AEC-A219-8485117BDA55}" type="pres">
      <dgm:prSet presAssocID="{8B3ED816-E32F-4E2D-936D-C2B06EBDAD38}" presName="hierRoot4" presStyleCnt="0"/>
      <dgm:spPr/>
    </dgm:pt>
    <dgm:pt modelId="{884039EC-1E5A-4B20-BEBE-45BFB018FD63}" type="pres">
      <dgm:prSet presAssocID="{8B3ED816-E32F-4E2D-936D-C2B06EBDAD38}" presName="composite4" presStyleCnt="0"/>
      <dgm:spPr/>
    </dgm:pt>
    <dgm:pt modelId="{1527F68E-B504-4B54-9F83-94EE448F2A71}" type="pres">
      <dgm:prSet presAssocID="{8B3ED816-E32F-4E2D-936D-C2B06EBDAD38}" presName="background4" presStyleLbl="node4" presStyleIdx="2" presStyleCnt="3"/>
      <dgm:spPr/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FCC79C8-D43C-4512-AE9A-59D24C7A459B}" type="pres">
      <dgm:prSet presAssocID="{8B3ED816-E32F-4E2D-936D-C2B06EBDAD38}" presName="hierChild5" presStyleCnt="0"/>
      <dgm:spPr/>
    </dgm:pt>
    <dgm:pt modelId="{E14DB863-679E-4258-8402-2159575E641E}" type="pres">
      <dgm:prSet presAssocID="{66E68178-24ED-41B5-B93B-EC8F7F4577B4}" presName="Name17" presStyleLbl="parChTrans1D3" presStyleIdx="2" presStyleCnt="7"/>
      <dgm:spPr/>
      <dgm:t>
        <a:bodyPr/>
        <a:lstStyle/>
        <a:p>
          <a:endParaRPr lang="en-US"/>
        </a:p>
      </dgm:t>
    </dgm:pt>
    <dgm:pt modelId="{0812ACE5-CEE1-429F-995D-B9B65DA89E9F}" type="pres">
      <dgm:prSet presAssocID="{FB790FAE-9081-4482-965F-A132F8C0089D}" presName="hierRoot3" presStyleCnt="0"/>
      <dgm:spPr/>
    </dgm:pt>
    <dgm:pt modelId="{EB5D5F16-AFFD-46F2-A842-4FADEDF83D99}" type="pres">
      <dgm:prSet presAssocID="{FB790FAE-9081-4482-965F-A132F8C0089D}" presName="composite3" presStyleCnt="0"/>
      <dgm:spPr/>
    </dgm:pt>
    <dgm:pt modelId="{0D430ACC-0A24-4E88-8E41-B626B052AB56}" type="pres">
      <dgm:prSet presAssocID="{FB790FAE-9081-4482-965F-A132F8C0089D}" presName="background3" presStyleLbl="node3" presStyleIdx="2" presStyleCnt="7"/>
      <dgm:spPr/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2ED22C2-0A5E-4540-BB2B-C347CFFB4BD0}" type="pres">
      <dgm:prSet presAssocID="{FB790FAE-9081-4482-965F-A132F8C0089D}" presName="hierChild4" presStyleCnt="0"/>
      <dgm:spPr/>
    </dgm:pt>
    <dgm:pt modelId="{13E913A0-B01D-43F1-B1A3-E3D474304F95}" type="pres">
      <dgm:prSet presAssocID="{D95CB556-0982-4642-9108-EFDA847395CF}" presName="Name10" presStyleLbl="parChTrans1D2" presStyleIdx="1" presStyleCnt="3"/>
      <dgm:spPr/>
      <dgm:t>
        <a:bodyPr/>
        <a:lstStyle/>
        <a:p>
          <a:endParaRPr lang="en-US"/>
        </a:p>
      </dgm:t>
    </dgm:pt>
    <dgm:pt modelId="{339373E9-6044-4E5C-B394-68699903D761}" type="pres">
      <dgm:prSet presAssocID="{34EF69ED-7733-43E5-9F02-75216E62B39D}" presName="hierRoot2" presStyleCnt="0"/>
      <dgm:spPr/>
    </dgm:pt>
    <dgm:pt modelId="{E66E8E9E-A9EE-4EBF-AF12-4E81C04674B7}" type="pres">
      <dgm:prSet presAssocID="{34EF69ED-7733-43E5-9F02-75216E62B39D}" presName="composite2" presStyleCnt="0"/>
      <dgm:spPr/>
    </dgm:pt>
    <dgm:pt modelId="{814D968B-BB58-4009-A740-66AD03AAD2CC}" type="pres">
      <dgm:prSet presAssocID="{34EF69ED-7733-43E5-9F02-75216E62B39D}" presName="background2" presStyleLbl="node2" presStyleIdx="1" presStyleCnt="3"/>
      <dgm:spPr/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39EFEE-422D-4ABA-B7F3-81DFB819FD0D}" type="pres">
      <dgm:prSet presAssocID="{34EF69ED-7733-43E5-9F02-75216E62B39D}" presName="hierChild3" presStyleCnt="0"/>
      <dgm:spPr/>
    </dgm:pt>
    <dgm:pt modelId="{BFC7338C-D613-42CE-A3C8-1E1BCE0FEA62}" type="pres">
      <dgm:prSet presAssocID="{64522A3B-06D5-445A-B29E-95A5AD0616E8}" presName="Name17" presStyleLbl="parChTrans1D3" presStyleIdx="3" presStyleCnt="7"/>
      <dgm:spPr/>
      <dgm:t>
        <a:bodyPr/>
        <a:lstStyle/>
        <a:p>
          <a:endParaRPr lang="en-US"/>
        </a:p>
      </dgm:t>
    </dgm:pt>
    <dgm:pt modelId="{C7C97D94-D7A0-4A40-85BC-A8BB7FC74897}" type="pres">
      <dgm:prSet presAssocID="{CEC77832-0685-4061-85A9-2B7E04FC9927}" presName="hierRoot3" presStyleCnt="0"/>
      <dgm:spPr/>
    </dgm:pt>
    <dgm:pt modelId="{2031A2F7-2F71-4B37-86FE-0EE755FCFE64}" type="pres">
      <dgm:prSet presAssocID="{CEC77832-0685-4061-85A9-2B7E04FC9927}" presName="composite3" presStyleCnt="0"/>
      <dgm:spPr/>
    </dgm:pt>
    <dgm:pt modelId="{BB1DA2C6-9035-47F3-AABE-8B758B6D19F0}" type="pres">
      <dgm:prSet presAssocID="{CEC77832-0685-4061-85A9-2B7E04FC9927}" presName="background3" presStyleLbl="node3" presStyleIdx="3" presStyleCnt="7"/>
      <dgm:spPr/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FBA9DA4-F179-4E1B-A77C-ED9B91C4EB81}" type="pres">
      <dgm:prSet presAssocID="{CEC77832-0685-4061-85A9-2B7E04FC9927}" presName="hierChild4" presStyleCnt="0"/>
      <dgm:spPr/>
    </dgm:pt>
    <dgm:pt modelId="{E71D3D05-A41D-4581-93F6-4963BA212C02}" type="pres">
      <dgm:prSet presAssocID="{03C60D3E-A69D-489E-AC23-D2EF12F2CE12}" presName="Name17" presStyleLbl="parChTrans1D3" presStyleIdx="4" presStyleCnt="7"/>
      <dgm:spPr/>
      <dgm:t>
        <a:bodyPr/>
        <a:lstStyle/>
        <a:p>
          <a:endParaRPr lang="en-US"/>
        </a:p>
      </dgm:t>
    </dgm:pt>
    <dgm:pt modelId="{27E3339F-5AE3-4DCA-BA54-7237F92CC764}" type="pres">
      <dgm:prSet presAssocID="{9497D2F0-AED9-4CC8-831F-177A445E6114}" presName="hierRoot3" presStyleCnt="0"/>
      <dgm:spPr/>
    </dgm:pt>
    <dgm:pt modelId="{9F52A907-06F2-4EF8-979C-72A42B5EAD99}" type="pres">
      <dgm:prSet presAssocID="{9497D2F0-AED9-4CC8-831F-177A445E6114}" presName="composite3" presStyleCnt="0"/>
      <dgm:spPr/>
    </dgm:pt>
    <dgm:pt modelId="{C410A2C1-12AA-4197-9D2B-0529261F107A}" type="pres">
      <dgm:prSet presAssocID="{9497D2F0-AED9-4CC8-831F-177A445E6114}" presName="background3" presStyleLbl="node3" presStyleIdx="4" presStyleCnt="7"/>
      <dgm:spPr/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5150FE9-C062-4E32-8FE0-AEF65E8E8DB1}" type="pres">
      <dgm:prSet presAssocID="{9497D2F0-AED9-4CC8-831F-177A445E6114}" presName="hierChild4" presStyleCnt="0"/>
      <dgm:spPr/>
    </dgm:pt>
    <dgm:pt modelId="{63C1F878-72D2-4A3E-8C52-F4A9B1783C33}" type="pres">
      <dgm:prSet presAssocID="{F35C7394-B5A1-4DA6-8CB6-266F244050FF}" presName="Name10" presStyleLbl="parChTrans1D2" presStyleIdx="2" presStyleCnt="3"/>
      <dgm:spPr/>
      <dgm:t>
        <a:bodyPr/>
        <a:lstStyle/>
        <a:p>
          <a:endParaRPr lang="en-US"/>
        </a:p>
      </dgm:t>
    </dgm:pt>
    <dgm:pt modelId="{1E81980F-514B-4025-9970-41BB1CADB2F6}" type="pres">
      <dgm:prSet presAssocID="{CFFFFC5D-AF08-4DBC-BBC6-D030BF6032CA}" presName="hierRoot2" presStyleCnt="0"/>
      <dgm:spPr/>
    </dgm:pt>
    <dgm:pt modelId="{761BEE10-E504-4CCC-A679-C64E921601B3}" type="pres">
      <dgm:prSet presAssocID="{CFFFFC5D-AF08-4DBC-BBC6-D030BF6032CA}" presName="composite2" presStyleCnt="0"/>
      <dgm:spPr/>
    </dgm:pt>
    <dgm:pt modelId="{53DA5E8F-87F9-40FC-9678-EFD0486B275A}" type="pres">
      <dgm:prSet presAssocID="{CFFFFC5D-AF08-4DBC-BBC6-D030BF6032CA}" presName="background2" presStyleLbl="node2" presStyleIdx="2" presStyleCnt="3"/>
      <dgm:spPr/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505FF4D1-3B4E-4A8D-9FE0-D5F0BC0CBAFB}" type="pres">
      <dgm:prSet presAssocID="{CFFFFC5D-AF08-4DBC-BBC6-D030BF6032CA}" presName="hierChild3" presStyleCnt="0"/>
      <dgm:spPr/>
    </dgm:pt>
    <dgm:pt modelId="{119D0B73-716F-4D2A-AEE4-D492EC9766E1}" type="pres">
      <dgm:prSet presAssocID="{2C145E38-359D-4C52-A551-E5243663F61C}" presName="Name17" presStyleLbl="parChTrans1D3" presStyleIdx="5" presStyleCnt="7"/>
      <dgm:spPr/>
      <dgm:t>
        <a:bodyPr/>
        <a:lstStyle/>
        <a:p>
          <a:endParaRPr lang="en-US"/>
        </a:p>
      </dgm:t>
    </dgm:pt>
    <dgm:pt modelId="{46BC6F15-F313-40BB-BD7E-43CBB73FF9F8}" type="pres">
      <dgm:prSet presAssocID="{8A4215E9-DF47-499E-B09C-2F9AEDDEEAE9}" presName="hierRoot3" presStyleCnt="0"/>
      <dgm:spPr/>
    </dgm:pt>
    <dgm:pt modelId="{0CDCB363-A525-437F-8B66-557BC139DCF2}" type="pres">
      <dgm:prSet presAssocID="{8A4215E9-DF47-499E-B09C-2F9AEDDEEAE9}" presName="composite3" presStyleCnt="0"/>
      <dgm:spPr/>
    </dgm:pt>
    <dgm:pt modelId="{C1D5E974-C272-426D-9C3B-33FC0063D5F1}" type="pres">
      <dgm:prSet presAssocID="{8A4215E9-DF47-499E-B09C-2F9AEDDEEAE9}" presName="background3" presStyleLbl="node3" presStyleIdx="5" presStyleCnt="7"/>
      <dgm:spPr/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87BC4B-7992-4E45-80F6-5450369E5C47}" type="pres">
      <dgm:prSet presAssocID="{8A4215E9-DF47-499E-B09C-2F9AEDDEEAE9}" presName="hierChild4" presStyleCnt="0"/>
      <dgm:spPr/>
    </dgm:pt>
    <dgm:pt modelId="{86886F70-53AC-4A1D-B166-B252409AE4D6}" type="pres">
      <dgm:prSet presAssocID="{CE4DF660-7BD9-4C61-8058-864A150E86EF}" presName="Name17" presStyleLbl="parChTrans1D3" presStyleIdx="6" presStyleCnt="7"/>
      <dgm:spPr/>
      <dgm:t>
        <a:bodyPr/>
        <a:lstStyle/>
        <a:p>
          <a:endParaRPr lang="en-US"/>
        </a:p>
      </dgm:t>
    </dgm:pt>
    <dgm:pt modelId="{655DDC92-92EE-41CD-B10F-5D5A0D584C78}" type="pres">
      <dgm:prSet presAssocID="{1539CEEE-F833-450D-91EB-04F96A2AEAA2}" presName="hierRoot3" presStyleCnt="0"/>
      <dgm:spPr/>
    </dgm:pt>
    <dgm:pt modelId="{77CC0852-CC1D-4E4D-8572-4C03ABBFFC1B}" type="pres">
      <dgm:prSet presAssocID="{1539CEEE-F833-450D-91EB-04F96A2AEAA2}" presName="composite3" presStyleCnt="0"/>
      <dgm:spPr/>
    </dgm:pt>
    <dgm:pt modelId="{50D474EC-98DC-4737-BC55-92D95CD2A76F}" type="pres">
      <dgm:prSet presAssocID="{1539CEEE-F833-450D-91EB-04F96A2AEAA2}" presName="background3" presStyleLbl="node3" presStyleIdx="6" presStyleCnt="7"/>
      <dgm:spPr/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79EEF34-32FF-44F2-B9DF-858C6F9E4A7F}" type="pres">
      <dgm:prSet presAssocID="{1539CEEE-F833-450D-91EB-04F96A2AEAA2}" presName="hierChild4" presStyleCnt="0"/>
      <dgm:spPr/>
    </dgm:pt>
  </dgm:ptLst>
  <dgm:cxnLst>
    <dgm:cxn modelId="{4B3CC206-D8C6-416E-AAF2-4046E8D6835A}" type="presOf" srcId="{1539CEEE-F833-450D-91EB-04F96A2AEAA2}" destId="{28F275B9-56B8-41B6-B830-2E9E5E01E9CB}" srcOrd="0" destOrd="0" presId="urn:microsoft.com/office/officeart/2005/8/layout/hierarchy1"/>
    <dgm:cxn modelId="{081C4BD3-5454-4EB0-93DD-86EB8E31101E}" type="presOf" srcId="{EAF97F65-8743-416C-95B4-C2A504120B0F}" destId="{D8BBCCEC-793A-4277-AD06-599860F93258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818A5F75-FB8D-4444-B222-8FC851AD944D}" type="presOf" srcId="{6213EA93-67B3-4DEB-8CC6-93A0B2AF7CD7}" destId="{868D9E49-D88B-430E-AC72-CD00412C6BE0}" srcOrd="0" destOrd="0" presId="urn:microsoft.com/office/officeart/2005/8/layout/hierarchy1"/>
    <dgm:cxn modelId="{A4A18BB5-D38F-46FE-A168-D8909BEED6FB}" type="presOf" srcId="{34EF69ED-7733-43E5-9F02-75216E62B39D}" destId="{F95FE02B-F52A-4D21-AD4B-153872E225D6}" srcOrd="0" destOrd="0" presId="urn:microsoft.com/office/officeart/2005/8/layout/hierarchy1"/>
    <dgm:cxn modelId="{232DAD4B-98F5-47BC-B643-65BE739C9EF8}" type="presOf" srcId="{F35C7394-B5A1-4DA6-8CB6-266F244050FF}" destId="{63C1F878-72D2-4A3E-8C52-F4A9B1783C33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87B94467-F5AA-4916-917B-957DB05DA78A}" type="presOf" srcId="{120DF69A-7722-4323-AC9F-CF716549C0C8}" destId="{3B8B9209-6251-4FFD-B69F-48F18D4CC349}" srcOrd="0" destOrd="0" presId="urn:microsoft.com/office/officeart/2005/8/layout/hierarchy1"/>
    <dgm:cxn modelId="{58AF5539-6050-461E-A480-3BED2046B82A}" type="presOf" srcId="{D95CB556-0982-4642-9108-EFDA847395CF}" destId="{13E913A0-B01D-43F1-B1A3-E3D474304F95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43138665-5212-4A5C-96B7-33ABF5CD62AB}" type="presOf" srcId="{64522A3B-06D5-445A-B29E-95A5AD0616E8}" destId="{BFC7338C-D613-42CE-A3C8-1E1BCE0FEA62}" srcOrd="0" destOrd="0" presId="urn:microsoft.com/office/officeart/2005/8/layout/hierarchy1"/>
    <dgm:cxn modelId="{93885591-C280-4101-9E45-E9B33D3562A5}" type="presOf" srcId="{CFFFFC5D-AF08-4DBC-BBC6-D030BF6032CA}" destId="{08017F3B-DDE1-42D3-931F-E089B2220CD1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0767BD7D-E12F-4251-952C-DABD06F00879}" type="presOf" srcId="{8B3ED816-E32F-4E2D-936D-C2B06EBDAD38}" destId="{5B801A85-6C38-4204-A802-154EC5C79269}" srcOrd="0" destOrd="0" presId="urn:microsoft.com/office/officeart/2005/8/layout/hierarchy1"/>
    <dgm:cxn modelId="{F20799C7-0CD0-4E4D-9C1D-47C9A535C04E}" type="presOf" srcId="{146B5BCA-F4A0-4A38-B33B-EC8BFA2CE5CF}" destId="{55FD57AA-D4E2-49CB-894F-A4546A90226D}" srcOrd="0" destOrd="0" presId="urn:microsoft.com/office/officeart/2005/8/layout/hierarchy1"/>
    <dgm:cxn modelId="{3D566CC4-8E6F-4989-A56B-E2B126367E4A}" type="presOf" srcId="{07243DD6-7908-4AFA-8F08-F5DA4913D758}" destId="{7F5C8212-F3D4-43A4-A29B-CB4BB8C5A431}" srcOrd="0" destOrd="0" presId="urn:microsoft.com/office/officeart/2005/8/layout/hierarchy1"/>
    <dgm:cxn modelId="{50D734AB-8A66-4A0F-9F26-463FD22E2F4B}" type="presOf" srcId="{FB790FAE-9081-4482-965F-A132F8C0089D}" destId="{154549B9-146B-470F-8DA8-7473A3C06B36}" srcOrd="0" destOrd="0" presId="urn:microsoft.com/office/officeart/2005/8/layout/hierarchy1"/>
    <dgm:cxn modelId="{E3349CF5-DDB7-464C-B628-CB3AE6F9F3BF}" type="presOf" srcId="{CEC77832-0685-4061-85A9-2B7E04FC9927}" destId="{9D06AB76-11B4-4CAA-9887-9CEC3100795D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D71ECAFA-224A-46DF-9DF8-9F7BE296B6A3}" type="presOf" srcId="{03C60D3E-A69D-489E-AC23-D2EF12F2CE12}" destId="{E71D3D05-A41D-4581-93F6-4963BA212C02}" srcOrd="0" destOrd="0" presId="urn:microsoft.com/office/officeart/2005/8/layout/hierarchy1"/>
    <dgm:cxn modelId="{2FFF4BF8-A26C-4180-B993-F72BEC8C5837}" type="presOf" srcId="{E426D81F-885D-4A50-9105-225BE949C588}" destId="{A5505B47-1C8A-4C07-AF2D-C665D2BAA430}" srcOrd="0" destOrd="0" presId="urn:microsoft.com/office/officeart/2005/8/layout/hierarchy1"/>
    <dgm:cxn modelId="{326047CE-1A12-4663-90C0-FCE2BBE24EEB}" type="presOf" srcId="{8063EE34-467A-4F04-B562-3BB8FA14321A}" destId="{B7EAC32E-5B12-4CF8-A403-4ABB602D7616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653AB1E-4862-40E1-9DCE-B2D1A0AB8A29}" type="presOf" srcId="{2C145E38-359D-4C52-A551-E5243663F61C}" destId="{119D0B73-716F-4D2A-AEE4-D492EC9766E1}" srcOrd="0" destOrd="0" presId="urn:microsoft.com/office/officeart/2005/8/layout/hierarchy1"/>
    <dgm:cxn modelId="{ADFAF6F4-AAE7-485E-89A2-68EABCF08C3B}" type="presOf" srcId="{EAAC9F3D-08AD-45A0-9A5F-D7390FFDB894}" destId="{6B5FEBAB-8837-4482-8475-02454E646497}" srcOrd="0" destOrd="0" presId="urn:microsoft.com/office/officeart/2005/8/layout/hierarchy1"/>
    <dgm:cxn modelId="{BD09D8E5-878E-4027-8CC5-D3E14541D0F0}" type="presOf" srcId="{9497D2F0-AED9-4CC8-831F-177A445E6114}" destId="{CFD81334-87C5-4BAE-8B17-A68BD1AC0BD4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5C2B9688-C34D-4ED1-88FD-F296BF6153AE}" type="presOf" srcId="{8A4215E9-DF47-499E-B09C-2F9AEDDEEAE9}" destId="{2890AA37-9CAE-47C1-8091-0E18D98AD0A1}" srcOrd="0" destOrd="0" presId="urn:microsoft.com/office/officeart/2005/8/layout/hierarchy1"/>
    <dgm:cxn modelId="{C5DCE1D2-1087-45E1-B62D-1C9CD942A77B}" type="presOf" srcId="{94307531-09D1-438D-8640-7E264C6EFC6E}" destId="{64D0538D-E072-4653-B991-7AC462ECA95E}" srcOrd="0" destOrd="0" presId="urn:microsoft.com/office/officeart/2005/8/layout/hierarchy1"/>
    <dgm:cxn modelId="{6C596AF9-996F-4C61-A0AE-3E21E60B51DA}" type="presOf" srcId="{15FC0DA2-D4A5-4ADB-8E29-59099AD0F12C}" destId="{47C6150A-D796-4FB1-9AC7-64B824B4A8AC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DDC379FF-F8C6-49F7-B6D7-E8BF6AB4925A}" type="presOf" srcId="{66E68178-24ED-41B5-B93B-EC8F7F4577B4}" destId="{E14DB863-679E-4258-8402-2159575E641E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E10EA91F-D0CF-4637-872A-19FD3B90008D}" type="presOf" srcId="{A6415F64-6F7B-472D-8B37-6FF4CE623A27}" destId="{6983FC9C-3F2A-407E-A90F-1A955985B64E}" srcOrd="0" destOrd="0" presId="urn:microsoft.com/office/officeart/2005/8/layout/hierarchy1"/>
    <dgm:cxn modelId="{C1CC03F6-2B67-40F5-A04C-F9A9C2313853}" type="presOf" srcId="{FC127E7E-FFD8-4856-B22A-FC2DE70AAD12}" destId="{EB928631-2B17-47FC-8968-E2AAB4978614}" srcOrd="0" destOrd="0" presId="urn:microsoft.com/office/officeart/2005/8/layout/hierarchy1"/>
    <dgm:cxn modelId="{8D5A735E-7AF2-4023-A1DA-E2ABD81B6431}" type="presOf" srcId="{164FCC03-4F21-4358-A0AA-BBEEBC094581}" destId="{12B6613B-3143-4290-BD1E-F9C795102D53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3951525C-34C9-4151-85C1-675621406F0B}" type="presOf" srcId="{CE4DF660-7BD9-4C61-8058-864A150E86EF}" destId="{86886F70-53AC-4A1D-B166-B252409AE4D6}" srcOrd="0" destOrd="0" presId="urn:microsoft.com/office/officeart/2005/8/layout/hierarchy1"/>
    <dgm:cxn modelId="{58D5BFE8-16A0-4D96-A786-B020B0BCD70D}" type="presParOf" srcId="{7F5C8212-F3D4-43A4-A29B-CB4BB8C5A431}" destId="{CE8C80FB-60E7-4AF2-A5D4-70F61A3AF146}" srcOrd="0" destOrd="0" presId="urn:microsoft.com/office/officeart/2005/8/layout/hierarchy1"/>
    <dgm:cxn modelId="{DAA4CC22-244A-4C9A-BF23-9AC540FF4D81}" type="presParOf" srcId="{CE8C80FB-60E7-4AF2-A5D4-70F61A3AF146}" destId="{874EBE65-A3F8-4DDE-B261-0F583100BA2A}" srcOrd="0" destOrd="0" presId="urn:microsoft.com/office/officeart/2005/8/layout/hierarchy1"/>
    <dgm:cxn modelId="{3CFF037A-6EB4-44DB-95C1-1F24740E4406}" type="presParOf" srcId="{874EBE65-A3F8-4DDE-B261-0F583100BA2A}" destId="{987E00FC-04B5-4421-A96F-CA460E2B19DF}" srcOrd="0" destOrd="0" presId="urn:microsoft.com/office/officeart/2005/8/layout/hierarchy1"/>
    <dgm:cxn modelId="{AEBF2423-85CC-4CD4-A648-7459D5703941}" type="presParOf" srcId="{874EBE65-A3F8-4DDE-B261-0F583100BA2A}" destId="{868D9E49-D88B-430E-AC72-CD00412C6BE0}" srcOrd="1" destOrd="0" presId="urn:microsoft.com/office/officeart/2005/8/layout/hierarchy1"/>
    <dgm:cxn modelId="{716FE98B-39FF-4370-B39B-752DF8E93692}" type="presParOf" srcId="{CE8C80FB-60E7-4AF2-A5D4-70F61A3AF146}" destId="{EC468468-BDA1-487F-88FB-B9ABBC5E6DDC}" srcOrd="1" destOrd="0" presId="urn:microsoft.com/office/officeart/2005/8/layout/hierarchy1"/>
    <dgm:cxn modelId="{30551112-3B84-4AE7-A40D-7A0AF7981D68}" type="presParOf" srcId="{EC468468-BDA1-487F-88FB-B9ABBC5E6DDC}" destId="{47C6150A-D796-4FB1-9AC7-64B824B4A8AC}" srcOrd="0" destOrd="0" presId="urn:microsoft.com/office/officeart/2005/8/layout/hierarchy1"/>
    <dgm:cxn modelId="{477393E0-FB7B-4E64-A5B3-1962C888C271}" type="presParOf" srcId="{EC468468-BDA1-487F-88FB-B9ABBC5E6DDC}" destId="{56059F83-EEDF-4592-9895-E2B4617E7D80}" srcOrd="1" destOrd="0" presId="urn:microsoft.com/office/officeart/2005/8/layout/hierarchy1"/>
    <dgm:cxn modelId="{FD66A3CC-3B4F-4993-B6AE-7A58C0C19307}" type="presParOf" srcId="{56059F83-EEDF-4592-9895-E2B4617E7D80}" destId="{F9E8864B-0266-4B71-AE20-FF928823FD57}" srcOrd="0" destOrd="0" presId="urn:microsoft.com/office/officeart/2005/8/layout/hierarchy1"/>
    <dgm:cxn modelId="{88F61F9A-FDD1-47C6-A52B-70D0FAC87803}" type="presParOf" srcId="{F9E8864B-0266-4B71-AE20-FF928823FD57}" destId="{E5517394-D959-43B0-B5C5-7EB48695E2C4}" srcOrd="0" destOrd="0" presId="urn:microsoft.com/office/officeart/2005/8/layout/hierarchy1"/>
    <dgm:cxn modelId="{3DD55F53-2782-4833-8C80-28200C10CB6D}" type="presParOf" srcId="{F9E8864B-0266-4B71-AE20-FF928823FD57}" destId="{D8BBCCEC-793A-4277-AD06-599860F93258}" srcOrd="1" destOrd="0" presId="urn:microsoft.com/office/officeart/2005/8/layout/hierarchy1"/>
    <dgm:cxn modelId="{DCBD82F8-6DCD-46ED-95F0-D5684B7B3D08}" type="presParOf" srcId="{56059F83-EEDF-4592-9895-E2B4617E7D80}" destId="{1A6630A3-7E00-4906-A0BD-3ABF17FEC00E}" srcOrd="1" destOrd="0" presId="urn:microsoft.com/office/officeart/2005/8/layout/hierarchy1"/>
    <dgm:cxn modelId="{F48D99DA-998F-46CB-BBD1-F3C2BA9B7DCC}" type="presParOf" srcId="{1A6630A3-7E00-4906-A0BD-3ABF17FEC00E}" destId="{EB928631-2B17-47FC-8968-E2AAB4978614}" srcOrd="0" destOrd="0" presId="urn:microsoft.com/office/officeart/2005/8/layout/hierarchy1"/>
    <dgm:cxn modelId="{15491260-7298-4839-864B-F090B78AE795}" type="presParOf" srcId="{1A6630A3-7E00-4906-A0BD-3ABF17FEC00E}" destId="{CD9CA8EB-33F0-44AB-AF20-115C2759A819}" srcOrd="1" destOrd="0" presId="urn:microsoft.com/office/officeart/2005/8/layout/hierarchy1"/>
    <dgm:cxn modelId="{9DA056A0-2350-4CEB-9F64-63FA89AB8830}" type="presParOf" srcId="{CD9CA8EB-33F0-44AB-AF20-115C2759A819}" destId="{38B9188F-55FB-43FB-9195-EE06A17987AE}" srcOrd="0" destOrd="0" presId="urn:microsoft.com/office/officeart/2005/8/layout/hierarchy1"/>
    <dgm:cxn modelId="{A384ECA3-59AE-4963-ABBD-BB5A822A5EFD}" type="presParOf" srcId="{38B9188F-55FB-43FB-9195-EE06A17987AE}" destId="{3D56BD52-D03A-4047-AD41-D4D4A6EFB434}" srcOrd="0" destOrd="0" presId="urn:microsoft.com/office/officeart/2005/8/layout/hierarchy1"/>
    <dgm:cxn modelId="{1463F977-C943-403A-91CF-4A0861A7CB70}" type="presParOf" srcId="{38B9188F-55FB-43FB-9195-EE06A17987AE}" destId="{55FD57AA-D4E2-49CB-894F-A4546A90226D}" srcOrd="1" destOrd="0" presId="urn:microsoft.com/office/officeart/2005/8/layout/hierarchy1"/>
    <dgm:cxn modelId="{2C2E27CB-1A30-4B7C-9EBB-99BF992F8826}" type="presParOf" srcId="{CD9CA8EB-33F0-44AB-AF20-115C2759A819}" destId="{B723E493-FC94-4BA6-9B42-EE921A71E7B6}" srcOrd="1" destOrd="0" presId="urn:microsoft.com/office/officeart/2005/8/layout/hierarchy1"/>
    <dgm:cxn modelId="{53947C4E-5A8A-4AEB-AA26-9BE9F4BD64F5}" type="presParOf" srcId="{1A6630A3-7E00-4906-A0BD-3ABF17FEC00E}" destId="{6B5FEBAB-8837-4482-8475-02454E646497}" srcOrd="2" destOrd="0" presId="urn:microsoft.com/office/officeart/2005/8/layout/hierarchy1"/>
    <dgm:cxn modelId="{B8457F32-4B81-4E79-844E-BCE8EAA358D7}" type="presParOf" srcId="{1A6630A3-7E00-4906-A0BD-3ABF17FEC00E}" destId="{6FD540EF-744F-48DA-A8EC-7F073B1CADF4}" srcOrd="3" destOrd="0" presId="urn:microsoft.com/office/officeart/2005/8/layout/hierarchy1"/>
    <dgm:cxn modelId="{CD21ED0C-CB1B-42C8-994E-385DEEA3AB62}" type="presParOf" srcId="{6FD540EF-744F-48DA-A8EC-7F073B1CADF4}" destId="{6DDA07EF-6815-4476-90D5-8200789CEEB9}" srcOrd="0" destOrd="0" presId="urn:microsoft.com/office/officeart/2005/8/layout/hierarchy1"/>
    <dgm:cxn modelId="{E71CF7A8-06D1-4804-9FC2-F1DEAB47F1FF}" type="presParOf" srcId="{6DDA07EF-6815-4476-90D5-8200789CEEB9}" destId="{DCB1E33D-13EC-4E25-974B-BEC1BFAB8C57}" srcOrd="0" destOrd="0" presId="urn:microsoft.com/office/officeart/2005/8/layout/hierarchy1"/>
    <dgm:cxn modelId="{76F904DF-AB81-445C-A719-49D246B7F437}" type="presParOf" srcId="{6DDA07EF-6815-4476-90D5-8200789CEEB9}" destId="{12B6613B-3143-4290-BD1E-F9C795102D53}" srcOrd="1" destOrd="0" presId="urn:microsoft.com/office/officeart/2005/8/layout/hierarchy1"/>
    <dgm:cxn modelId="{B5F6731A-B26B-4055-AF9F-7D81B40B1440}" type="presParOf" srcId="{6FD540EF-744F-48DA-A8EC-7F073B1CADF4}" destId="{0C3E7A23-657A-4D4E-8E8E-5F6F07AAE592}" srcOrd="1" destOrd="0" presId="urn:microsoft.com/office/officeart/2005/8/layout/hierarchy1"/>
    <dgm:cxn modelId="{B7AB1020-D346-4E34-AF9F-2A28EA9D7767}" type="presParOf" srcId="{0C3E7A23-657A-4D4E-8E8E-5F6F07AAE592}" destId="{A5505B47-1C8A-4C07-AF2D-C665D2BAA430}" srcOrd="0" destOrd="0" presId="urn:microsoft.com/office/officeart/2005/8/layout/hierarchy1"/>
    <dgm:cxn modelId="{2D177731-C09E-490C-BF5E-B6C055E693CA}" type="presParOf" srcId="{0C3E7A23-657A-4D4E-8E8E-5F6F07AAE592}" destId="{AFC5C2A6-033C-4BF7-9AD2-9E7BBCBB5102}" srcOrd="1" destOrd="0" presId="urn:microsoft.com/office/officeart/2005/8/layout/hierarchy1"/>
    <dgm:cxn modelId="{9C00181F-D55C-45D6-9948-29F3226B7972}" type="presParOf" srcId="{AFC5C2A6-033C-4BF7-9AD2-9E7BBCBB5102}" destId="{9EC784B7-8165-4625-AABB-0F004035F8D4}" srcOrd="0" destOrd="0" presId="urn:microsoft.com/office/officeart/2005/8/layout/hierarchy1"/>
    <dgm:cxn modelId="{A29A245D-F1C2-46C2-913C-BCBA4F072D8A}" type="presParOf" srcId="{9EC784B7-8165-4625-AABB-0F004035F8D4}" destId="{3EAB1CE4-68D7-4335-A270-8E3EB71A5790}" srcOrd="0" destOrd="0" presId="urn:microsoft.com/office/officeart/2005/8/layout/hierarchy1"/>
    <dgm:cxn modelId="{C2971E01-F99D-4318-AA8E-E650A18CC199}" type="presParOf" srcId="{9EC784B7-8165-4625-AABB-0F004035F8D4}" destId="{3B8B9209-6251-4FFD-B69F-48F18D4CC349}" srcOrd="1" destOrd="0" presId="urn:microsoft.com/office/officeart/2005/8/layout/hierarchy1"/>
    <dgm:cxn modelId="{64FE9844-D0B0-4864-884D-ABB205503927}" type="presParOf" srcId="{AFC5C2A6-033C-4BF7-9AD2-9E7BBCBB5102}" destId="{4BBE044D-8067-4A5E-8B4F-6293FDF70F4A}" srcOrd="1" destOrd="0" presId="urn:microsoft.com/office/officeart/2005/8/layout/hierarchy1"/>
    <dgm:cxn modelId="{9580E42A-0811-47F9-BE14-D531671D3A04}" type="presParOf" srcId="{4BBE044D-8067-4A5E-8B4F-6293FDF70F4A}" destId="{64D0538D-E072-4653-B991-7AC462ECA95E}" srcOrd="0" destOrd="0" presId="urn:microsoft.com/office/officeart/2005/8/layout/hierarchy1"/>
    <dgm:cxn modelId="{69070991-5526-4E34-B97B-F15BF80232F6}" type="presParOf" srcId="{4BBE044D-8067-4A5E-8B4F-6293FDF70F4A}" destId="{5B466F0E-7934-4073-8247-B7BC1FB60C1C}" srcOrd="1" destOrd="0" presId="urn:microsoft.com/office/officeart/2005/8/layout/hierarchy1"/>
    <dgm:cxn modelId="{15915DD7-A4D4-4E99-9721-DAC55D74B0B1}" type="presParOf" srcId="{5B466F0E-7934-4073-8247-B7BC1FB60C1C}" destId="{BFE84D15-95E1-46FA-A22C-5830295A92C2}" srcOrd="0" destOrd="0" presId="urn:microsoft.com/office/officeart/2005/8/layout/hierarchy1"/>
    <dgm:cxn modelId="{A3A9CC8D-4D0E-49D7-97CF-165A024DC0FA}" type="presParOf" srcId="{BFE84D15-95E1-46FA-A22C-5830295A92C2}" destId="{8629E89B-2488-4E84-8D53-9ABAE0E950DB}" srcOrd="0" destOrd="0" presId="urn:microsoft.com/office/officeart/2005/8/layout/hierarchy1"/>
    <dgm:cxn modelId="{D9BC6B43-FDFB-4FFD-BB7F-EF10E875E901}" type="presParOf" srcId="{BFE84D15-95E1-46FA-A22C-5830295A92C2}" destId="{6983FC9C-3F2A-407E-A90F-1A955985B64E}" srcOrd="1" destOrd="0" presId="urn:microsoft.com/office/officeart/2005/8/layout/hierarchy1"/>
    <dgm:cxn modelId="{A5E2B7AE-B887-4F3B-B98C-CB3B3BDBE988}" type="presParOf" srcId="{5B466F0E-7934-4073-8247-B7BC1FB60C1C}" destId="{3272FD52-00DE-4F04-91C8-9E071C01C60D}" srcOrd="1" destOrd="0" presId="urn:microsoft.com/office/officeart/2005/8/layout/hierarchy1"/>
    <dgm:cxn modelId="{CD35CA01-4FFB-4403-BC62-D16DB802A7A5}" type="presParOf" srcId="{0C3E7A23-657A-4D4E-8E8E-5F6F07AAE592}" destId="{B7EAC32E-5B12-4CF8-A403-4ABB602D7616}" srcOrd="2" destOrd="0" presId="urn:microsoft.com/office/officeart/2005/8/layout/hierarchy1"/>
    <dgm:cxn modelId="{7CB61B71-23E0-4AFE-BFFD-C2D60D5330A7}" type="presParOf" srcId="{0C3E7A23-657A-4D4E-8E8E-5F6F07AAE592}" destId="{A2061678-C485-4AEC-A219-8485117BDA55}" srcOrd="3" destOrd="0" presId="urn:microsoft.com/office/officeart/2005/8/layout/hierarchy1"/>
    <dgm:cxn modelId="{ED1075F0-145E-4B75-A8A3-5D1FD951E791}" type="presParOf" srcId="{A2061678-C485-4AEC-A219-8485117BDA55}" destId="{884039EC-1E5A-4B20-BEBE-45BFB018FD63}" srcOrd="0" destOrd="0" presId="urn:microsoft.com/office/officeart/2005/8/layout/hierarchy1"/>
    <dgm:cxn modelId="{F05DB24F-24FB-4361-ACBD-026E0FA4005A}" type="presParOf" srcId="{884039EC-1E5A-4B20-BEBE-45BFB018FD63}" destId="{1527F68E-B504-4B54-9F83-94EE448F2A71}" srcOrd="0" destOrd="0" presId="urn:microsoft.com/office/officeart/2005/8/layout/hierarchy1"/>
    <dgm:cxn modelId="{6E05FB38-5CB4-46F2-903E-F23A1E1F72F1}" type="presParOf" srcId="{884039EC-1E5A-4B20-BEBE-45BFB018FD63}" destId="{5B801A85-6C38-4204-A802-154EC5C79269}" srcOrd="1" destOrd="0" presId="urn:microsoft.com/office/officeart/2005/8/layout/hierarchy1"/>
    <dgm:cxn modelId="{7AEC19CC-846C-4ED3-9EEF-BA4D75F34A8A}" type="presParOf" srcId="{A2061678-C485-4AEC-A219-8485117BDA55}" destId="{FFCC79C8-D43C-4512-AE9A-59D24C7A459B}" srcOrd="1" destOrd="0" presId="urn:microsoft.com/office/officeart/2005/8/layout/hierarchy1"/>
    <dgm:cxn modelId="{314E02B9-6F27-4518-AA86-495BC279E7C1}" type="presParOf" srcId="{1A6630A3-7E00-4906-A0BD-3ABF17FEC00E}" destId="{E14DB863-679E-4258-8402-2159575E641E}" srcOrd="4" destOrd="0" presId="urn:microsoft.com/office/officeart/2005/8/layout/hierarchy1"/>
    <dgm:cxn modelId="{69B77C58-5947-4462-A116-3AA439803BA5}" type="presParOf" srcId="{1A6630A3-7E00-4906-A0BD-3ABF17FEC00E}" destId="{0812ACE5-CEE1-429F-995D-B9B65DA89E9F}" srcOrd="5" destOrd="0" presId="urn:microsoft.com/office/officeart/2005/8/layout/hierarchy1"/>
    <dgm:cxn modelId="{C8319BE4-B077-4B0C-9EF9-A83DB85ED0C2}" type="presParOf" srcId="{0812ACE5-CEE1-429F-995D-B9B65DA89E9F}" destId="{EB5D5F16-AFFD-46F2-A842-4FADEDF83D99}" srcOrd="0" destOrd="0" presId="urn:microsoft.com/office/officeart/2005/8/layout/hierarchy1"/>
    <dgm:cxn modelId="{ED9CD0BD-FED8-43B3-9368-33E852D436E7}" type="presParOf" srcId="{EB5D5F16-AFFD-46F2-A842-4FADEDF83D99}" destId="{0D430ACC-0A24-4E88-8E41-B626B052AB56}" srcOrd="0" destOrd="0" presId="urn:microsoft.com/office/officeart/2005/8/layout/hierarchy1"/>
    <dgm:cxn modelId="{7E5411C5-F699-4F19-906B-3831C4392E57}" type="presParOf" srcId="{EB5D5F16-AFFD-46F2-A842-4FADEDF83D99}" destId="{154549B9-146B-470F-8DA8-7473A3C06B36}" srcOrd="1" destOrd="0" presId="urn:microsoft.com/office/officeart/2005/8/layout/hierarchy1"/>
    <dgm:cxn modelId="{0AFBA5EC-ED0D-474D-ADA4-0466D6D13B48}" type="presParOf" srcId="{0812ACE5-CEE1-429F-995D-B9B65DA89E9F}" destId="{62ED22C2-0A5E-4540-BB2B-C347CFFB4BD0}" srcOrd="1" destOrd="0" presId="urn:microsoft.com/office/officeart/2005/8/layout/hierarchy1"/>
    <dgm:cxn modelId="{E09D8B49-FBF2-4984-A7C7-2CCAB384DAAB}" type="presParOf" srcId="{EC468468-BDA1-487F-88FB-B9ABBC5E6DDC}" destId="{13E913A0-B01D-43F1-B1A3-E3D474304F95}" srcOrd="2" destOrd="0" presId="urn:microsoft.com/office/officeart/2005/8/layout/hierarchy1"/>
    <dgm:cxn modelId="{637FE4DA-A574-4D2E-B23A-CDDE50558426}" type="presParOf" srcId="{EC468468-BDA1-487F-88FB-B9ABBC5E6DDC}" destId="{339373E9-6044-4E5C-B394-68699903D761}" srcOrd="3" destOrd="0" presId="urn:microsoft.com/office/officeart/2005/8/layout/hierarchy1"/>
    <dgm:cxn modelId="{33674B01-2C07-4390-B0BE-217223854E3E}" type="presParOf" srcId="{339373E9-6044-4E5C-B394-68699903D761}" destId="{E66E8E9E-A9EE-4EBF-AF12-4E81C04674B7}" srcOrd="0" destOrd="0" presId="urn:microsoft.com/office/officeart/2005/8/layout/hierarchy1"/>
    <dgm:cxn modelId="{0E6DB232-E78A-402C-9F0F-09D6337533F0}" type="presParOf" srcId="{E66E8E9E-A9EE-4EBF-AF12-4E81C04674B7}" destId="{814D968B-BB58-4009-A740-66AD03AAD2CC}" srcOrd="0" destOrd="0" presId="urn:microsoft.com/office/officeart/2005/8/layout/hierarchy1"/>
    <dgm:cxn modelId="{34A4171F-68AC-4A73-BF44-98E8B990C129}" type="presParOf" srcId="{E66E8E9E-A9EE-4EBF-AF12-4E81C04674B7}" destId="{F95FE02B-F52A-4D21-AD4B-153872E225D6}" srcOrd="1" destOrd="0" presId="urn:microsoft.com/office/officeart/2005/8/layout/hierarchy1"/>
    <dgm:cxn modelId="{CACFBD21-2A0A-4FFC-B1EB-F64BB07BD7C0}" type="presParOf" srcId="{339373E9-6044-4E5C-B394-68699903D761}" destId="{FA39EFEE-422D-4ABA-B7F3-81DFB819FD0D}" srcOrd="1" destOrd="0" presId="urn:microsoft.com/office/officeart/2005/8/layout/hierarchy1"/>
    <dgm:cxn modelId="{2B249DE1-A4C6-4BFA-BC60-4F6D8A012A61}" type="presParOf" srcId="{FA39EFEE-422D-4ABA-B7F3-81DFB819FD0D}" destId="{BFC7338C-D613-42CE-A3C8-1E1BCE0FEA62}" srcOrd="0" destOrd="0" presId="urn:microsoft.com/office/officeart/2005/8/layout/hierarchy1"/>
    <dgm:cxn modelId="{3D7B32D4-FADB-489F-94C9-0A16E255A23B}" type="presParOf" srcId="{FA39EFEE-422D-4ABA-B7F3-81DFB819FD0D}" destId="{C7C97D94-D7A0-4A40-85BC-A8BB7FC74897}" srcOrd="1" destOrd="0" presId="urn:microsoft.com/office/officeart/2005/8/layout/hierarchy1"/>
    <dgm:cxn modelId="{CF19884F-83F7-430D-97E0-D0043EECA01E}" type="presParOf" srcId="{C7C97D94-D7A0-4A40-85BC-A8BB7FC74897}" destId="{2031A2F7-2F71-4B37-86FE-0EE755FCFE64}" srcOrd="0" destOrd="0" presId="urn:microsoft.com/office/officeart/2005/8/layout/hierarchy1"/>
    <dgm:cxn modelId="{37966CE4-1B5E-49CB-AABE-2453D619A84C}" type="presParOf" srcId="{2031A2F7-2F71-4B37-86FE-0EE755FCFE64}" destId="{BB1DA2C6-9035-47F3-AABE-8B758B6D19F0}" srcOrd="0" destOrd="0" presId="urn:microsoft.com/office/officeart/2005/8/layout/hierarchy1"/>
    <dgm:cxn modelId="{6C25561E-F03A-4E8A-9E52-7F59C82BEB0D}" type="presParOf" srcId="{2031A2F7-2F71-4B37-86FE-0EE755FCFE64}" destId="{9D06AB76-11B4-4CAA-9887-9CEC3100795D}" srcOrd="1" destOrd="0" presId="urn:microsoft.com/office/officeart/2005/8/layout/hierarchy1"/>
    <dgm:cxn modelId="{CA53DBD9-3C83-4AD0-BB59-23312C91D110}" type="presParOf" srcId="{C7C97D94-D7A0-4A40-85BC-A8BB7FC74897}" destId="{0FBA9DA4-F179-4E1B-A77C-ED9B91C4EB81}" srcOrd="1" destOrd="0" presId="urn:microsoft.com/office/officeart/2005/8/layout/hierarchy1"/>
    <dgm:cxn modelId="{A3F52E6F-CEAB-4B15-90E8-9B128536C9EE}" type="presParOf" srcId="{FA39EFEE-422D-4ABA-B7F3-81DFB819FD0D}" destId="{E71D3D05-A41D-4581-93F6-4963BA212C02}" srcOrd="2" destOrd="0" presId="urn:microsoft.com/office/officeart/2005/8/layout/hierarchy1"/>
    <dgm:cxn modelId="{7E9091AA-FFBE-452A-B847-8A1DA238D1DC}" type="presParOf" srcId="{FA39EFEE-422D-4ABA-B7F3-81DFB819FD0D}" destId="{27E3339F-5AE3-4DCA-BA54-7237F92CC764}" srcOrd="3" destOrd="0" presId="urn:microsoft.com/office/officeart/2005/8/layout/hierarchy1"/>
    <dgm:cxn modelId="{23369D7C-5B3E-4EB8-9F99-D240A38249EA}" type="presParOf" srcId="{27E3339F-5AE3-4DCA-BA54-7237F92CC764}" destId="{9F52A907-06F2-4EF8-979C-72A42B5EAD99}" srcOrd="0" destOrd="0" presId="urn:microsoft.com/office/officeart/2005/8/layout/hierarchy1"/>
    <dgm:cxn modelId="{21E84944-CA2C-4E09-8FD3-67B0C836B57A}" type="presParOf" srcId="{9F52A907-06F2-4EF8-979C-72A42B5EAD99}" destId="{C410A2C1-12AA-4197-9D2B-0529261F107A}" srcOrd="0" destOrd="0" presId="urn:microsoft.com/office/officeart/2005/8/layout/hierarchy1"/>
    <dgm:cxn modelId="{EB092356-467F-467C-90AB-66E79B9C84EE}" type="presParOf" srcId="{9F52A907-06F2-4EF8-979C-72A42B5EAD99}" destId="{CFD81334-87C5-4BAE-8B17-A68BD1AC0BD4}" srcOrd="1" destOrd="0" presId="urn:microsoft.com/office/officeart/2005/8/layout/hierarchy1"/>
    <dgm:cxn modelId="{A019590F-2F87-4622-AA47-822B288BA70E}" type="presParOf" srcId="{27E3339F-5AE3-4DCA-BA54-7237F92CC764}" destId="{A5150FE9-C062-4E32-8FE0-AEF65E8E8DB1}" srcOrd="1" destOrd="0" presId="urn:microsoft.com/office/officeart/2005/8/layout/hierarchy1"/>
    <dgm:cxn modelId="{D49D4677-2316-4BB6-ABD0-2053D634DB52}" type="presParOf" srcId="{EC468468-BDA1-487F-88FB-B9ABBC5E6DDC}" destId="{63C1F878-72D2-4A3E-8C52-F4A9B1783C33}" srcOrd="4" destOrd="0" presId="urn:microsoft.com/office/officeart/2005/8/layout/hierarchy1"/>
    <dgm:cxn modelId="{D9059A4A-DFDE-4A2E-A8B0-8AF85DECB629}" type="presParOf" srcId="{EC468468-BDA1-487F-88FB-B9ABBC5E6DDC}" destId="{1E81980F-514B-4025-9970-41BB1CADB2F6}" srcOrd="5" destOrd="0" presId="urn:microsoft.com/office/officeart/2005/8/layout/hierarchy1"/>
    <dgm:cxn modelId="{069AF2A5-4344-4E5F-9E5E-AFA3F63E1AED}" type="presParOf" srcId="{1E81980F-514B-4025-9970-41BB1CADB2F6}" destId="{761BEE10-E504-4CCC-A679-C64E921601B3}" srcOrd="0" destOrd="0" presId="urn:microsoft.com/office/officeart/2005/8/layout/hierarchy1"/>
    <dgm:cxn modelId="{6EA69D51-D3F8-416E-AF70-677D6C849A31}" type="presParOf" srcId="{761BEE10-E504-4CCC-A679-C64E921601B3}" destId="{53DA5E8F-87F9-40FC-9678-EFD0486B275A}" srcOrd="0" destOrd="0" presId="urn:microsoft.com/office/officeart/2005/8/layout/hierarchy1"/>
    <dgm:cxn modelId="{78595A9D-F29D-41D0-89AC-7BA9F3BBF80C}" type="presParOf" srcId="{761BEE10-E504-4CCC-A679-C64E921601B3}" destId="{08017F3B-DDE1-42D3-931F-E089B2220CD1}" srcOrd="1" destOrd="0" presId="urn:microsoft.com/office/officeart/2005/8/layout/hierarchy1"/>
    <dgm:cxn modelId="{5BDA6E63-7921-4C5B-ABCB-0D4FED48FD09}" type="presParOf" srcId="{1E81980F-514B-4025-9970-41BB1CADB2F6}" destId="{505FF4D1-3B4E-4A8D-9FE0-D5F0BC0CBAFB}" srcOrd="1" destOrd="0" presId="urn:microsoft.com/office/officeart/2005/8/layout/hierarchy1"/>
    <dgm:cxn modelId="{1F40949F-8528-4605-9419-BF739D9817CC}" type="presParOf" srcId="{505FF4D1-3B4E-4A8D-9FE0-D5F0BC0CBAFB}" destId="{119D0B73-716F-4D2A-AEE4-D492EC9766E1}" srcOrd="0" destOrd="0" presId="urn:microsoft.com/office/officeart/2005/8/layout/hierarchy1"/>
    <dgm:cxn modelId="{550B9568-96BD-48BD-865C-68C16ABC3EA8}" type="presParOf" srcId="{505FF4D1-3B4E-4A8D-9FE0-D5F0BC0CBAFB}" destId="{46BC6F15-F313-40BB-BD7E-43CBB73FF9F8}" srcOrd="1" destOrd="0" presId="urn:microsoft.com/office/officeart/2005/8/layout/hierarchy1"/>
    <dgm:cxn modelId="{F39D2599-1AE2-4B5C-984D-00A79121D54A}" type="presParOf" srcId="{46BC6F15-F313-40BB-BD7E-43CBB73FF9F8}" destId="{0CDCB363-A525-437F-8B66-557BC139DCF2}" srcOrd="0" destOrd="0" presId="urn:microsoft.com/office/officeart/2005/8/layout/hierarchy1"/>
    <dgm:cxn modelId="{BC35E2C5-7E7C-4B49-B2D2-C0E637C21C3E}" type="presParOf" srcId="{0CDCB363-A525-437F-8B66-557BC139DCF2}" destId="{C1D5E974-C272-426D-9C3B-33FC0063D5F1}" srcOrd="0" destOrd="0" presId="urn:microsoft.com/office/officeart/2005/8/layout/hierarchy1"/>
    <dgm:cxn modelId="{1A163C9E-3DB5-4F28-A70B-5088B8334B5C}" type="presParOf" srcId="{0CDCB363-A525-437F-8B66-557BC139DCF2}" destId="{2890AA37-9CAE-47C1-8091-0E18D98AD0A1}" srcOrd="1" destOrd="0" presId="urn:microsoft.com/office/officeart/2005/8/layout/hierarchy1"/>
    <dgm:cxn modelId="{14FC62D8-900E-4550-B571-3ECA3F888EAA}" type="presParOf" srcId="{46BC6F15-F313-40BB-BD7E-43CBB73FF9F8}" destId="{BD87BC4B-7992-4E45-80F6-5450369E5C47}" srcOrd="1" destOrd="0" presId="urn:microsoft.com/office/officeart/2005/8/layout/hierarchy1"/>
    <dgm:cxn modelId="{347073D5-1370-481E-B840-8FBD31120151}" type="presParOf" srcId="{505FF4D1-3B4E-4A8D-9FE0-D5F0BC0CBAFB}" destId="{86886F70-53AC-4A1D-B166-B252409AE4D6}" srcOrd="2" destOrd="0" presId="urn:microsoft.com/office/officeart/2005/8/layout/hierarchy1"/>
    <dgm:cxn modelId="{C99CE1CB-2BE6-42ED-9F35-0562B9D0C03A}" type="presParOf" srcId="{505FF4D1-3B4E-4A8D-9FE0-D5F0BC0CBAFB}" destId="{655DDC92-92EE-41CD-B10F-5D5A0D584C78}" srcOrd="3" destOrd="0" presId="urn:microsoft.com/office/officeart/2005/8/layout/hierarchy1"/>
    <dgm:cxn modelId="{C12421E4-04D5-4777-8AA7-01CBE19C8629}" type="presParOf" srcId="{655DDC92-92EE-41CD-B10F-5D5A0D584C78}" destId="{77CC0852-CC1D-4E4D-8572-4C03ABBFFC1B}" srcOrd="0" destOrd="0" presId="urn:microsoft.com/office/officeart/2005/8/layout/hierarchy1"/>
    <dgm:cxn modelId="{B22E8A46-F628-49C5-AED2-B2F8BC035E28}" type="presParOf" srcId="{77CC0852-CC1D-4E4D-8572-4C03ABBFFC1B}" destId="{50D474EC-98DC-4737-BC55-92D95CD2A76F}" srcOrd="0" destOrd="0" presId="urn:microsoft.com/office/officeart/2005/8/layout/hierarchy1"/>
    <dgm:cxn modelId="{BA135CC4-4DC4-4F59-BFE5-465D7FFEFCB2}" type="presParOf" srcId="{77CC0852-CC1D-4E4D-8572-4C03ABBFFC1B}" destId="{28F275B9-56B8-41B6-B830-2E9E5E01E9CB}" srcOrd="1" destOrd="0" presId="urn:microsoft.com/office/officeart/2005/8/layout/hierarchy1"/>
    <dgm:cxn modelId="{7707755C-3BF4-4E71-9A56-A27F3860767F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3_4" csCatId="accent3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 smtClean="0"/>
            <a:t>East Coast</a:t>
          </a:r>
          <a:endParaRPr lang="en-US" dirty="0"/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 smtClean="0"/>
            <a:t>Philadelphia, PA</a:t>
          </a:r>
        </a:p>
        <a:p>
          <a:r>
            <a:rPr lang="en-US" b="1" dirty="0" smtClean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 smtClean="0"/>
            <a:t>Midwest</a:t>
          </a:r>
          <a:endParaRPr lang="en-US" dirty="0"/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 smtClean="0"/>
            <a:t>Cincinnati, OH</a:t>
          </a:r>
        </a:p>
        <a:p>
          <a:r>
            <a:rPr lang="en-US" b="1" dirty="0" smtClean="0"/>
            <a:t>Detroit, MI</a:t>
          </a:r>
        </a:p>
        <a:p>
          <a:r>
            <a:rPr lang="en-US" b="1" dirty="0" smtClean="0"/>
            <a:t>Columbus, OH</a:t>
          </a:r>
        </a:p>
        <a:p>
          <a:r>
            <a:rPr lang="en-US" b="1" dirty="0" smtClean="0"/>
            <a:t>Milwaukee, WI</a:t>
          </a:r>
          <a:br>
            <a:rPr lang="en-US" b="1" dirty="0" smtClean="0"/>
          </a:br>
          <a:r>
            <a:rPr lang="en-US" b="1" dirty="0" smtClean="0"/>
            <a:t>Chicago, IL</a:t>
          </a:r>
        </a:p>
        <a:p>
          <a:r>
            <a:rPr lang="en-US" b="1" dirty="0" smtClean="0"/>
            <a:t>Dallas, TX</a:t>
          </a:r>
        </a:p>
        <a:p>
          <a:r>
            <a:rPr lang="en-US" b="1" dirty="0" smtClean="0"/>
            <a:t>Houston, TX</a:t>
          </a:r>
        </a:p>
        <a:p>
          <a:r>
            <a:rPr lang="en-US" b="1" dirty="0" smtClean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 smtClean="0"/>
            <a:t>West</a:t>
          </a:r>
          <a:endParaRPr lang="en-US" dirty="0"/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 smtClean="0"/>
            <a:t>Albuquerque, NM</a:t>
          </a:r>
          <a:endParaRPr lang="en-US" b="1" dirty="0"/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98328604-23AB-4E58-82B6-A3415EC03B78}">
      <dgm:prSet phldrT="[Text]"/>
      <dgm:spPr/>
      <dgm:t>
        <a:bodyPr/>
        <a:lstStyle/>
        <a:p>
          <a:r>
            <a:rPr lang="en-US" b="1" dirty="0" smtClean="0"/>
            <a:t>Los Angeles, CA</a:t>
          </a:r>
          <a:endParaRPr lang="en-US" b="1" dirty="0"/>
        </a:p>
      </dgm:t>
    </dgm:pt>
    <dgm:pt modelId="{328F15C3-0EF7-4EB1-A2F4-C292048A7918}" type="parTrans" cxnId="{A7130E7B-6FDB-400A-88E8-6AC79211640C}">
      <dgm:prSet/>
      <dgm:spPr/>
      <dgm:t>
        <a:bodyPr/>
        <a:lstStyle/>
        <a:p>
          <a:endParaRPr lang="en-US"/>
        </a:p>
      </dgm:t>
    </dgm:pt>
    <dgm:pt modelId="{0CC191A5-46F9-451F-BAB9-F62B85F58421}" type="sibTrans" cxnId="{A7130E7B-6FDB-400A-88E8-6AC79211640C}">
      <dgm:prSet/>
      <dgm:spPr/>
      <dgm:t>
        <a:bodyPr/>
        <a:lstStyle/>
        <a:p>
          <a:endParaRPr lang="en-US"/>
        </a:p>
      </dgm:t>
    </dgm:pt>
    <dgm:pt modelId="{D35A05FA-F88F-4B23-B2AE-D9CBDF7A9670}">
      <dgm:prSet phldrT="[Text]"/>
      <dgm:spPr/>
      <dgm:t>
        <a:bodyPr/>
        <a:lstStyle/>
        <a:p>
          <a:r>
            <a:rPr lang="en-US" b="1" dirty="0" smtClean="0"/>
            <a:t>Denver, CO</a:t>
          </a:r>
          <a:endParaRPr lang="en-US" b="1" dirty="0"/>
        </a:p>
      </dgm:t>
    </dgm:pt>
    <dgm:pt modelId="{B4702D75-3527-4645-8931-0562204CD747}" type="parTrans" cxnId="{99A9EC3D-3F9D-4B73-BD4A-40C27C58D4B0}">
      <dgm:prSet/>
      <dgm:spPr/>
      <dgm:t>
        <a:bodyPr/>
        <a:lstStyle/>
        <a:p>
          <a:endParaRPr lang="en-US"/>
        </a:p>
      </dgm:t>
    </dgm:pt>
    <dgm:pt modelId="{9CD80358-250B-49F7-A9DF-D3F46199F8A3}" type="sibTrans" cxnId="{99A9EC3D-3F9D-4B73-BD4A-40C27C58D4B0}">
      <dgm:prSet/>
      <dgm:spPr/>
      <dgm:t>
        <a:bodyPr/>
        <a:lstStyle/>
        <a:p>
          <a:endParaRPr lang="en-US"/>
        </a:p>
      </dgm:t>
    </dgm:pt>
    <dgm:pt modelId="{14090511-2C2C-4743-8A2D-161DFDDA633A}">
      <dgm:prSet phldrT="[Text]"/>
      <dgm:spPr/>
      <dgm:t>
        <a:bodyPr/>
        <a:lstStyle/>
        <a:p>
          <a:r>
            <a:rPr lang="en-US" b="1" dirty="0" smtClean="0"/>
            <a:t>Las Vegas, NV</a:t>
          </a:r>
          <a:endParaRPr lang="en-US" b="1" dirty="0"/>
        </a:p>
      </dgm:t>
    </dgm:pt>
    <dgm:pt modelId="{DD51494F-71A8-4CF0-8B65-529F1B18F400}" type="parTrans" cxnId="{887A32C6-7422-429A-83BF-69551C3D6863}">
      <dgm:prSet/>
      <dgm:spPr/>
      <dgm:t>
        <a:bodyPr/>
        <a:lstStyle/>
        <a:p>
          <a:endParaRPr lang="en-US"/>
        </a:p>
      </dgm:t>
    </dgm:pt>
    <dgm:pt modelId="{BD59DA1D-B137-4446-A2A2-0998CFEB694B}" type="sibTrans" cxnId="{887A32C6-7422-429A-83BF-69551C3D6863}">
      <dgm:prSet/>
      <dgm:spPr/>
      <dgm:t>
        <a:bodyPr/>
        <a:lstStyle/>
        <a:p>
          <a:endParaRPr lang="en-US"/>
        </a:p>
      </dgm:t>
    </dgm:pt>
    <dgm:pt modelId="{BE7E8E96-4BD1-411B-BB06-395930200427}">
      <dgm:prSet phldrT="[Text]"/>
      <dgm:spPr/>
      <dgm:t>
        <a:bodyPr/>
        <a:lstStyle/>
        <a:p>
          <a:r>
            <a:rPr lang="en-US" b="1" dirty="0" smtClean="0"/>
            <a:t>San Francisco, CA</a:t>
          </a:r>
          <a:endParaRPr lang="en-US" b="1" dirty="0"/>
        </a:p>
      </dgm:t>
    </dgm:pt>
    <dgm:pt modelId="{98F9478C-0624-4BDE-B086-CEC4673E9445}" type="parTrans" cxnId="{9F42589C-3511-4C05-8454-827F1A9E00E0}">
      <dgm:prSet/>
      <dgm:spPr/>
      <dgm:t>
        <a:bodyPr/>
        <a:lstStyle/>
        <a:p>
          <a:endParaRPr lang="en-US"/>
        </a:p>
      </dgm:t>
    </dgm:pt>
    <dgm:pt modelId="{F10B4B83-ACE4-4E76-BEA0-DF2983EC9F96}" type="sibTrans" cxnId="{9F42589C-3511-4C05-8454-827F1A9E00E0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C4273C-FD9D-44AA-BB54-5535F4B98003}" type="pres">
      <dgm:prSet presAssocID="{1BEE9D91-EB3E-490C-89F1-65B20C594E1E}" presName="compNode" presStyleCnt="0"/>
      <dgm:spPr/>
      <dgm:t>
        <a:bodyPr/>
        <a:lstStyle/>
        <a:p>
          <a:endParaRPr lang="en-US"/>
        </a:p>
      </dgm:t>
    </dgm:pt>
    <dgm:pt modelId="{3DFC4EBF-4C9E-4157-9DF4-BB5E784C47D7}" type="pres">
      <dgm:prSet presAssocID="{1BEE9D91-EB3E-490C-89F1-65B20C594E1E}" presName="aNode" presStyleLbl="bgShp" presStyleIdx="0" presStyleCnt="3"/>
      <dgm:spPr/>
      <dgm:t>
        <a:bodyPr/>
        <a:lstStyle/>
        <a:p>
          <a:endParaRPr lang="en-US"/>
        </a:p>
      </dgm:t>
    </dgm:pt>
    <dgm:pt modelId="{31572B4F-74FD-46F9-B6AB-92246BB2F3EB}" type="pres">
      <dgm:prSet presAssocID="{1BEE9D91-EB3E-490C-89F1-65B20C594E1E}" presName="textNode" presStyleLbl="bgShp" presStyleIdx="0" presStyleCnt="3"/>
      <dgm:spPr/>
      <dgm:t>
        <a:bodyPr/>
        <a:lstStyle/>
        <a:p>
          <a:endParaRPr lang="en-US"/>
        </a:p>
      </dgm:t>
    </dgm:pt>
    <dgm:pt modelId="{DF061257-9D07-4740-AE3E-A64207CAC282}" type="pres">
      <dgm:prSet presAssocID="{1BEE9D91-EB3E-490C-89F1-65B20C594E1E}" presName="compChildNode" presStyleCnt="0"/>
      <dgm:spPr/>
      <dgm:t>
        <a:bodyPr/>
        <a:lstStyle/>
        <a:p>
          <a:endParaRPr lang="en-US"/>
        </a:p>
      </dgm:t>
    </dgm:pt>
    <dgm:pt modelId="{2D80DC02-04B6-4ED2-8210-62653C7CDE84}" type="pres">
      <dgm:prSet presAssocID="{1BEE9D91-EB3E-490C-89F1-65B20C594E1E}" presName="theInnerList" presStyleCnt="0"/>
      <dgm:spPr/>
      <dgm:t>
        <a:bodyPr/>
        <a:lstStyle/>
        <a:p>
          <a:endParaRPr lang="en-US"/>
        </a:p>
      </dgm:t>
    </dgm:pt>
    <dgm:pt modelId="{E428CD33-FA68-46B3-9F64-5AE50B0A48A7}" type="pres">
      <dgm:prSet presAssocID="{D3A4920D-22F0-4DF9-BDC2-3BE335B41E16}" presName="childNode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B328EA7-3939-4E52-91CC-7E20AE103ADA}" type="pres">
      <dgm:prSet presAssocID="{1BEE9D91-EB3E-490C-89F1-65B20C594E1E}" presName="aSpace" presStyleCnt="0"/>
      <dgm:spPr/>
      <dgm:t>
        <a:bodyPr/>
        <a:lstStyle/>
        <a:p>
          <a:endParaRPr lang="en-US"/>
        </a:p>
      </dgm:t>
    </dgm:pt>
    <dgm:pt modelId="{AF679AB8-EDEF-4F62-8F55-67CCE876D4BC}" type="pres">
      <dgm:prSet presAssocID="{53E0566B-B4E9-4F58-84A8-ECC0E3BBFB62}" presName="compNode" presStyleCnt="0"/>
      <dgm:spPr/>
      <dgm:t>
        <a:bodyPr/>
        <a:lstStyle/>
        <a:p>
          <a:endParaRPr lang="en-US"/>
        </a:p>
      </dgm:t>
    </dgm:pt>
    <dgm:pt modelId="{87088F45-863D-4158-B60A-599EE4F1EF62}" type="pres">
      <dgm:prSet presAssocID="{53E0566B-B4E9-4F58-84A8-ECC0E3BBFB62}" presName="aNode" presStyleLbl="bgShp" presStyleIdx="1" presStyleCnt="3"/>
      <dgm:spPr/>
      <dgm:t>
        <a:bodyPr/>
        <a:lstStyle/>
        <a:p>
          <a:endParaRPr lang="en-US"/>
        </a:p>
      </dgm:t>
    </dgm:pt>
    <dgm:pt modelId="{5C059E5F-9ECF-4BF9-B882-2FEC1A2C35BC}" type="pres">
      <dgm:prSet presAssocID="{53E0566B-B4E9-4F58-84A8-ECC0E3BBFB62}" presName="textNode" presStyleLbl="bgShp" presStyleIdx="1" presStyleCnt="3"/>
      <dgm:spPr/>
      <dgm:t>
        <a:bodyPr/>
        <a:lstStyle/>
        <a:p>
          <a:endParaRPr lang="en-US"/>
        </a:p>
      </dgm:t>
    </dgm:pt>
    <dgm:pt modelId="{C095F9FB-36EC-49E7-A1B3-F854855F2FEE}" type="pres">
      <dgm:prSet presAssocID="{53E0566B-B4E9-4F58-84A8-ECC0E3BBFB62}" presName="compChildNode" presStyleCnt="0"/>
      <dgm:spPr/>
      <dgm:t>
        <a:bodyPr/>
        <a:lstStyle/>
        <a:p>
          <a:endParaRPr lang="en-US"/>
        </a:p>
      </dgm:t>
    </dgm:pt>
    <dgm:pt modelId="{B3126D69-8E44-49E4-9D30-507FEEDDC561}" type="pres">
      <dgm:prSet presAssocID="{53E0566B-B4E9-4F58-84A8-ECC0E3BBFB62}" presName="theInnerList" presStyleCnt="0"/>
      <dgm:spPr/>
      <dgm:t>
        <a:bodyPr/>
        <a:lstStyle/>
        <a:p>
          <a:endParaRPr lang="en-US"/>
        </a:p>
      </dgm:t>
    </dgm:pt>
    <dgm:pt modelId="{8C4F88DF-20F8-4745-9426-66C191DC6822}" type="pres">
      <dgm:prSet presAssocID="{F9DD2F28-C129-41D0-B3A3-F34A4DF0797C}" presName="childNode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FA3C60A-21AA-43C4-86A5-B38FD9D55C04}" type="pres">
      <dgm:prSet presAssocID="{53E0566B-B4E9-4F58-84A8-ECC0E3BBFB62}" presName="aSpace" presStyleCnt="0"/>
      <dgm:spPr/>
      <dgm:t>
        <a:bodyPr/>
        <a:lstStyle/>
        <a:p>
          <a:endParaRPr lang="en-US"/>
        </a:p>
      </dgm:t>
    </dgm:pt>
    <dgm:pt modelId="{C052E66A-0249-45BF-9045-874F5280C98A}" type="pres">
      <dgm:prSet presAssocID="{D7FB9D9B-47EF-4A8F-A170-DFCAD6F82B89}" presName="compNode" presStyleCnt="0"/>
      <dgm:spPr/>
      <dgm:t>
        <a:bodyPr/>
        <a:lstStyle/>
        <a:p>
          <a:endParaRPr lang="en-US"/>
        </a:p>
      </dgm:t>
    </dgm:pt>
    <dgm:pt modelId="{01697534-9E0B-4C91-9DC0-60B2075B11C5}" type="pres">
      <dgm:prSet presAssocID="{D7FB9D9B-47EF-4A8F-A170-DFCAD6F82B89}" presName="aNode" presStyleLbl="bgShp" presStyleIdx="2" presStyleCnt="3"/>
      <dgm:spPr/>
      <dgm:t>
        <a:bodyPr/>
        <a:lstStyle/>
        <a:p>
          <a:endParaRPr lang="en-US"/>
        </a:p>
      </dgm:t>
    </dgm:pt>
    <dgm:pt modelId="{F87BC457-E26C-4EA4-B710-F45996C6974F}" type="pres">
      <dgm:prSet presAssocID="{D7FB9D9B-47EF-4A8F-A170-DFCAD6F82B89}" presName="textNode" presStyleLbl="bgShp" presStyleIdx="2" presStyleCnt="3"/>
      <dgm:spPr/>
      <dgm:t>
        <a:bodyPr/>
        <a:lstStyle/>
        <a:p>
          <a:endParaRPr lang="en-US"/>
        </a:p>
      </dgm:t>
    </dgm:pt>
    <dgm:pt modelId="{A18B9721-B3A2-41B8-93F6-95A79CAE35E8}" type="pres">
      <dgm:prSet presAssocID="{D7FB9D9B-47EF-4A8F-A170-DFCAD6F82B89}" presName="compChildNode" presStyleCnt="0"/>
      <dgm:spPr/>
      <dgm:t>
        <a:bodyPr/>
        <a:lstStyle/>
        <a:p>
          <a:endParaRPr lang="en-US"/>
        </a:p>
      </dgm:t>
    </dgm:pt>
    <dgm:pt modelId="{1C3BFE94-DAD7-4D9B-9794-FC1DBF487B27}" type="pres">
      <dgm:prSet presAssocID="{D7FB9D9B-47EF-4A8F-A170-DFCAD6F82B89}" presName="theInnerList" presStyleCnt="0"/>
      <dgm:spPr/>
      <dgm:t>
        <a:bodyPr/>
        <a:lstStyle/>
        <a:p>
          <a:endParaRPr lang="en-US"/>
        </a:p>
      </dgm:t>
    </dgm:pt>
    <dgm:pt modelId="{7A040E14-948D-4559-992F-42A395A9AB74}" type="pres">
      <dgm:prSet presAssocID="{F7E39509-04E4-427B-9141-1CC9FAAC14EF}" presName="childNode" presStyleLbl="node1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0787AD8-E3E7-4E9C-B1D8-330B6A6D5013}" type="pres">
      <dgm:prSet presAssocID="{F7E39509-04E4-427B-9141-1CC9FAAC14EF}" presName="aSpace2" presStyleCnt="0"/>
      <dgm:spPr/>
      <dgm:t>
        <a:bodyPr/>
        <a:lstStyle/>
        <a:p>
          <a:endParaRPr lang="en-US"/>
        </a:p>
      </dgm:t>
    </dgm:pt>
    <dgm:pt modelId="{429ACE86-910D-4F7E-AC5C-AE2C3A4A2E04}" type="pres">
      <dgm:prSet presAssocID="{98328604-23AB-4E58-82B6-A3415EC03B78}" presName="childNode" presStyleLbl="node1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FA7B4A4-3750-418F-9697-462E2BB49EED}" type="pres">
      <dgm:prSet presAssocID="{98328604-23AB-4E58-82B6-A3415EC03B78}" presName="aSpace2" presStyleCnt="0"/>
      <dgm:spPr/>
      <dgm:t>
        <a:bodyPr/>
        <a:lstStyle/>
        <a:p>
          <a:endParaRPr lang="en-US"/>
        </a:p>
      </dgm:t>
    </dgm:pt>
    <dgm:pt modelId="{836825D7-770D-42E8-A8B3-A034EB882CA7}" type="pres">
      <dgm:prSet presAssocID="{BE7E8E96-4BD1-411B-BB06-395930200427}" presName="childNode" presStyleLbl="node1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15E87BA-8DFE-4503-8CD5-A14030E3564F}" type="pres">
      <dgm:prSet presAssocID="{BE7E8E96-4BD1-411B-BB06-395930200427}" presName="aSpace2" presStyleCnt="0"/>
      <dgm:spPr/>
      <dgm:t>
        <a:bodyPr/>
        <a:lstStyle/>
        <a:p>
          <a:endParaRPr lang="en-US"/>
        </a:p>
      </dgm:t>
    </dgm:pt>
    <dgm:pt modelId="{759576AB-97BA-4756-B2C6-4A6BC2B7F0C0}" type="pres">
      <dgm:prSet presAssocID="{D35A05FA-F88F-4B23-B2AE-D9CBDF7A9670}" presName="childNode" presStyleLbl="node1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6AB5D10-A053-4152-B79D-A0DA2698AF89}" type="pres">
      <dgm:prSet presAssocID="{D35A05FA-F88F-4B23-B2AE-D9CBDF7A9670}" presName="aSpace2" presStyleCnt="0"/>
      <dgm:spPr/>
      <dgm:t>
        <a:bodyPr/>
        <a:lstStyle/>
        <a:p>
          <a:endParaRPr lang="en-US"/>
        </a:p>
      </dgm:t>
    </dgm:pt>
    <dgm:pt modelId="{42C8369F-7602-4A7A-9A3A-CD7B928D117A}" type="pres">
      <dgm:prSet presAssocID="{14090511-2C2C-4743-8A2D-161DFDDA633A}" presName="childNode" presStyleLbl="node1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A7130E7B-6FDB-400A-88E8-6AC79211640C}" srcId="{D7FB9D9B-47EF-4A8F-A170-DFCAD6F82B89}" destId="{98328604-23AB-4E58-82B6-A3415EC03B78}" srcOrd="1" destOrd="0" parTransId="{328F15C3-0EF7-4EB1-A2F4-C292048A7918}" sibTransId="{0CC191A5-46F9-451F-BAB9-F62B85F58421}"/>
    <dgm:cxn modelId="{89F76121-9C0C-4F48-A836-C46DFFD15D07}" type="presOf" srcId="{53E0566B-B4E9-4F58-84A8-ECC0E3BBFB62}" destId="{87088F45-863D-4158-B60A-599EE4F1EF62}" srcOrd="0" destOrd="0" presId="urn:microsoft.com/office/officeart/2005/8/layout/lProcess2"/>
    <dgm:cxn modelId="{530C5C4A-02D5-427E-948B-B382B29ED07D}" type="presOf" srcId="{98328604-23AB-4E58-82B6-A3415EC03B78}" destId="{429ACE86-910D-4F7E-AC5C-AE2C3A4A2E04}" srcOrd="0" destOrd="0" presId="urn:microsoft.com/office/officeart/2005/8/layout/lProcess2"/>
    <dgm:cxn modelId="{372ECEFC-04E1-4128-96C5-1BFCE5CD8B59}" type="presOf" srcId="{53E0566B-B4E9-4F58-84A8-ECC0E3BBFB62}" destId="{5C059E5F-9ECF-4BF9-B882-2FEC1A2C35BC}" srcOrd="1" destOrd="0" presId="urn:microsoft.com/office/officeart/2005/8/layout/lProcess2"/>
    <dgm:cxn modelId="{B9A0A825-5F48-47C2-A9E4-7E0736802EA0}" type="presOf" srcId="{14090511-2C2C-4743-8A2D-161DFDDA633A}" destId="{42C8369F-7602-4A7A-9A3A-CD7B928D117A}" srcOrd="0" destOrd="0" presId="urn:microsoft.com/office/officeart/2005/8/layout/lProcess2"/>
    <dgm:cxn modelId="{384AB83B-2B45-4CEF-82D9-39836DBCBA5C}" type="presOf" srcId="{BE7E8E96-4BD1-411B-BB06-395930200427}" destId="{836825D7-770D-42E8-A8B3-A034EB882CA7}" srcOrd="0" destOrd="0" presId="urn:microsoft.com/office/officeart/2005/8/layout/lProcess2"/>
    <dgm:cxn modelId="{7B7A07E1-50CA-4EF4-A530-7D4B636A9EAB}" type="presOf" srcId="{1BEE9D91-EB3E-490C-89F1-65B20C594E1E}" destId="{31572B4F-74FD-46F9-B6AB-92246BB2F3EB}" srcOrd="1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7ED077CD-E870-4ED4-860B-25CB139B6395}" type="presOf" srcId="{1BEE9D91-EB3E-490C-89F1-65B20C594E1E}" destId="{3DFC4EBF-4C9E-4157-9DF4-BB5E784C47D7}" srcOrd="0" destOrd="0" presId="urn:microsoft.com/office/officeart/2005/8/layout/lProcess2"/>
    <dgm:cxn modelId="{8E0514EC-35D6-4D9A-B516-97C98D97CC12}" type="presOf" srcId="{D7FB9D9B-47EF-4A8F-A170-DFCAD6F82B89}" destId="{01697534-9E0B-4C91-9DC0-60B2075B11C5}" srcOrd="0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9F42589C-3511-4C05-8454-827F1A9E00E0}" srcId="{D7FB9D9B-47EF-4A8F-A170-DFCAD6F82B89}" destId="{BE7E8E96-4BD1-411B-BB06-395930200427}" srcOrd="2" destOrd="0" parTransId="{98F9478C-0624-4BDE-B086-CEC4673E9445}" sibTransId="{F10B4B83-ACE4-4E76-BEA0-DF2983EC9F96}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99A9EC3D-3F9D-4B73-BD4A-40C27C58D4B0}" srcId="{D7FB9D9B-47EF-4A8F-A170-DFCAD6F82B89}" destId="{D35A05FA-F88F-4B23-B2AE-D9CBDF7A9670}" srcOrd="3" destOrd="0" parTransId="{B4702D75-3527-4645-8931-0562204CD747}" sibTransId="{9CD80358-250B-49F7-A9DF-D3F46199F8A3}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13E991C9-DFFC-4947-9EE1-E5AAEEE169A3}" type="presOf" srcId="{F7E39509-04E4-427B-9141-1CC9FAAC14EF}" destId="{7A040E14-948D-4559-992F-42A395A9AB74}" srcOrd="0" destOrd="0" presId="urn:microsoft.com/office/officeart/2005/8/layout/lProcess2"/>
    <dgm:cxn modelId="{F16F925B-3965-4096-85DD-80DF634B5A85}" type="presOf" srcId="{D35A05FA-F88F-4B23-B2AE-D9CBDF7A9670}" destId="{759576AB-97BA-4756-B2C6-4A6BC2B7F0C0}" srcOrd="0" destOrd="0" presId="urn:microsoft.com/office/officeart/2005/8/layout/lProcess2"/>
    <dgm:cxn modelId="{BC32D8D4-2F21-4A20-91E4-9BC3351FD632}" type="presOf" srcId="{E60348C9-23B2-4F93-ADD0-EBF9342834C8}" destId="{D43176A0-8C6E-4F3E-99EF-7485885668B3}" srcOrd="0" destOrd="0" presId="urn:microsoft.com/office/officeart/2005/8/layout/lProcess2"/>
    <dgm:cxn modelId="{572B867C-6A8E-473F-9333-254FC479E47A}" type="presOf" srcId="{F9DD2F28-C129-41D0-B3A3-F34A4DF0797C}" destId="{8C4F88DF-20F8-4745-9426-66C191DC6822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887A32C6-7422-429A-83BF-69551C3D6863}" srcId="{D7FB9D9B-47EF-4A8F-A170-DFCAD6F82B89}" destId="{14090511-2C2C-4743-8A2D-161DFDDA633A}" srcOrd="4" destOrd="0" parTransId="{DD51494F-71A8-4CF0-8B65-529F1B18F400}" sibTransId="{BD59DA1D-B137-4446-A2A2-0998CFEB694B}"/>
    <dgm:cxn modelId="{380600C0-4F79-4385-97BE-7FA98156F45D}" type="presOf" srcId="{D3A4920D-22F0-4DF9-BDC2-3BE335B41E16}" destId="{E428CD33-FA68-46B3-9F64-5AE50B0A48A7}" srcOrd="0" destOrd="0" presId="urn:microsoft.com/office/officeart/2005/8/layout/lProcess2"/>
    <dgm:cxn modelId="{65409754-8165-4C3C-8CB2-B640CA18E0AD}" type="presOf" srcId="{D7FB9D9B-47EF-4A8F-A170-DFCAD6F82B89}" destId="{F87BC457-E26C-4EA4-B710-F45996C6974F}" srcOrd="1" destOrd="0" presId="urn:microsoft.com/office/officeart/2005/8/layout/lProcess2"/>
    <dgm:cxn modelId="{CD4C8756-20B1-4EF9-91D2-75EEB21315AF}" type="presParOf" srcId="{D43176A0-8C6E-4F3E-99EF-7485885668B3}" destId="{1FC4273C-FD9D-44AA-BB54-5535F4B98003}" srcOrd="0" destOrd="0" presId="urn:microsoft.com/office/officeart/2005/8/layout/lProcess2"/>
    <dgm:cxn modelId="{F3A7B63D-4D59-49E0-9561-7FB776E7C5E9}" type="presParOf" srcId="{1FC4273C-FD9D-44AA-BB54-5535F4B98003}" destId="{3DFC4EBF-4C9E-4157-9DF4-BB5E784C47D7}" srcOrd="0" destOrd="0" presId="urn:microsoft.com/office/officeart/2005/8/layout/lProcess2"/>
    <dgm:cxn modelId="{FC61E66F-2BC0-404F-9407-789652053EE7}" type="presParOf" srcId="{1FC4273C-FD9D-44AA-BB54-5535F4B98003}" destId="{31572B4F-74FD-46F9-B6AB-92246BB2F3EB}" srcOrd="1" destOrd="0" presId="urn:microsoft.com/office/officeart/2005/8/layout/lProcess2"/>
    <dgm:cxn modelId="{175C8D67-910A-4629-9C9D-CB656A454BA6}" type="presParOf" srcId="{1FC4273C-FD9D-44AA-BB54-5535F4B98003}" destId="{DF061257-9D07-4740-AE3E-A64207CAC282}" srcOrd="2" destOrd="0" presId="urn:microsoft.com/office/officeart/2005/8/layout/lProcess2"/>
    <dgm:cxn modelId="{E4FB6526-FE8C-4EE0-A5DB-7EA344EAD12B}" type="presParOf" srcId="{DF061257-9D07-4740-AE3E-A64207CAC282}" destId="{2D80DC02-04B6-4ED2-8210-62653C7CDE84}" srcOrd="0" destOrd="0" presId="urn:microsoft.com/office/officeart/2005/8/layout/lProcess2"/>
    <dgm:cxn modelId="{3312501B-C538-4EF6-88FD-308FC2C698F8}" type="presParOf" srcId="{2D80DC02-04B6-4ED2-8210-62653C7CDE84}" destId="{E428CD33-FA68-46B3-9F64-5AE50B0A48A7}" srcOrd="0" destOrd="0" presId="urn:microsoft.com/office/officeart/2005/8/layout/lProcess2"/>
    <dgm:cxn modelId="{A245CEA5-D94F-4585-AEB0-0C509CB0D93A}" type="presParOf" srcId="{D43176A0-8C6E-4F3E-99EF-7485885668B3}" destId="{2B328EA7-3939-4E52-91CC-7E20AE103ADA}" srcOrd="1" destOrd="0" presId="urn:microsoft.com/office/officeart/2005/8/layout/lProcess2"/>
    <dgm:cxn modelId="{6F9F9715-9053-4099-8DE1-1B2B8F87C18E}" type="presParOf" srcId="{D43176A0-8C6E-4F3E-99EF-7485885668B3}" destId="{AF679AB8-EDEF-4F62-8F55-67CCE876D4BC}" srcOrd="2" destOrd="0" presId="urn:microsoft.com/office/officeart/2005/8/layout/lProcess2"/>
    <dgm:cxn modelId="{4D28DADE-E5D2-4594-958F-72F54B5AF038}" type="presParOf" srcId="{AF679AB8-EDEF-4F62-8F55-67CCE876D4BC}" destId="{87088F45-863D-4158-B60A-599EE4F1EF62}" srcOrd="0" destOrd="0" presId="urn:microsoft.com/office/officeart/2005/8/layout/lProcess2"/>
    <dgm:cxn modelId="{418F6B07-A46E-4051-A590-6F2FF8E95EAF}" type="presParOf" srcId="{AF679AB8-EDEF-4F62-8F55-67CCE876D4BC}" destId="{5C059E5F-9ECF-4BF9-B882-2FEC1A2C35BC}" srcOrd="1" destOrd="0" presId="urn:microsoft.com/office/officeart/2005/8/layout/lProcess2"/>
    <dgm:cxn modelId="{A21A749B-E885-42BE-B96C-D163F2B3DDB7}" type="presParOf" srcId="{AF679AB8-EDEF-4F62-8F55-67CCE876D4BC}" destId="{C095F9FB-36EC-49E7-A1B3-F854855F2FEE}" srcOrd="2" destOrd="0" presId="urn:microsoft.com/office/officeart/2005/8/layout/lProcess2"/>
    <dgm:cxn modelId="{F8A43309-A69D-4B70-8F52-57633447F703}" type="presParOf" srcId="{C095F9FB-36EC-49E7-A1B3-F854855F2FEE}" destId="{B3126D69-8E44-49E4-9D30-507FEEDDC561}" srcOrd="0" destOrd="0" presId="urn:microsoft.com/office/officeart/2005/8/layout/lProcess2"/>
    <dgm:cxn modelId="{ACA2E499-A380-41AA-8CE3-3C5FA236FD73}" type="presParOf" srcId="{B3126D69-8E44-49E4-9D30-507FEEDDC561}" destId="{8C4F88DF-20F8-4745-9426-66C191DC6822}" srcOrd="0" destOrd="0" presId="urn:microsoft.com/office/officeart/2005/8/layout/lProcess2"/>
    <dgm:cxn modelId="{1161C260-BE7E-4337-AAA8-075B671AD0BC}" type="presParOf" srcId="{D43176A0-8C6E-4F3E-99EF-7485885668B3}" destId="{6FA3C60A-21AA-43C4-86A5-B38FD9D55C04}" srcOrd="3" destOrd="0" presId="urn:microsoft.com/office/officeart/2005/8/layout/lProcess2"/>
    <dgm:cxn modelId="{E58ECD4A-71AC-4AF6-9A94-DD0889D5D987}" type="presParOf" srcId="{D43176A0-8C6E-4F3E-99EF-7485885668B3}" destId="{C052E66A-0249-45BF-9045-874F5280C98A}" srcOrd="4" destOrd="0" presId="urn:microsoft.com/office/officeart/2005/8/layout/lProcess2"/>
    <dgm:cxn modelId="{4B03248E-5ECD-4F88-A2A9-98D8622E7C08}" type="presParOf" srcId="{C052E66A-0249-45BF-9045-874F5280C98A}" destId="{01697534-9E0B-4C91-9DC0-60B2075B11C5}" srcOrd="0" destOrd="0" presId="urn:microsoft.com/office/officeart/2005/8/layout/lProcess2"/>
    <dgm:cxn modelId="{F4352344-9099-4BFF-9535-00FE7D199E8B}" type="presParOf" srcId="{C052E66A-0249-45BF-9045-874F5280C98A}" destId="{F87BC457-E26C-4EA4-B710-F45996C6974F}" srcOrd="1" destOrd="0" presId="urn:microsoft.com/office/officeart/2005/8/layout/lProcess2"/>
    <dgm:cxn modelId="{EB79B37D-CCD2-4955-A265-CDE51F5AC217}" type="presParOf" srcId="{C052E66A-0249-45BF-9045-874F5280C98A}" destId="{A18B9721-B3A2-41B8-93F6-95A79CAE35E8}" srcOrd="2" destOrd="0" presId="urn:microsoft.com/office/officeart/2005/8/layout/lProcess2"/>
    <dgm:cxn modelId="{31D04117-9A04-4A76-AFE7-D90D290849B1}" type="presParOf" srcId="{A18B9721-B3A2-41B8-93F6-95A79CAE35E8}" destId="{1C3BFE94-DAD7-4D9B-9794-FC1DBF487B27}" srcOrd="0" destOrd="0" presId="urn:microsoft.com/office/officeart/2005/8/layout/lProcess2"/>
    <dgm:cxn modelId="{FBD85927-4B70-4947-BDA2-6310F24956D3}" type="presParOf" srcId="{1C3BFE94-DAD7-4D9B-9794-FC1DBF487B27}" destId="{7A040E14-948D-4559-992F-42A395A9AB74}" srcOrd="0" destOrd="0" presId="urn:microsoft.com/office/officeart/2005/8/layout/lProcess2"/>
    <dgm:cxn modelId="{515A8901-528D-4E5E-AC87-E0336A5AD32D}" type="presParOf" srcId="{1C3BFE94-DAD7-4D9B-9794-FC1DBF487B27}" destId="{70787AD8-E3E7-4E9C-B1D8-330B6A6D5013}" srcOrd="1" destOrd="0" presId="urn:microsoft.com/office/officeart/2005/8/layout/lProcess2"/>
    <dgm:cxn modelId="{52E3AAE8-E55B-4EE1-B367-4E6FB6EF0711}" type="presParOf" srcId="{1C3BFE94-DAD7-4D9B-9794-FC1DBF487B27}" destId="{429ACE86-910D-4F7E-AC5C-AE2C3A4A2E04}" srcOrd="2" destOrd="0" presId="urn:microsoft.com/office/officeart/2005/8/layout/lProcess2"/>
    <dgm:cxn modelId="{DAD4C751-35F3-4B43-98EC-2D1303B20FA7}" type="presParOf" srcId="{1C3BFE94-DAD7-4D9B-9794-FC1DBF487B27}" destId="{9FA7B4A4-3750-418F-9697-462E2BB49EED}" srcOrd="3" destOrd="0" presId="urn:microsoft.com/office/officeart/2005/8/layout/lProcess2"/>
    <dgm:cxn modelId="{16E28188-8779-45B0-9703-28E2A2DE734F}" type="presParOf" srcId="{1C3BFE94-DAD7-4D9B-9794-FC1DBF487B27}" destId="{836825D7-770D-42E8-A8B3-A034EB882CA7}" srcOrd="4" destOrd="0" presId="urn:microsoft.com/office/officeart/2005/8/layout/lProcess2"/>
    <dgm:cxn modelId="{5387E4FE-4C14-462C-A0B7-639A13E2742B}" type="presParOf" srcId="{1C3BFE94-DAD7-4D9B-9794-FC1DBF487B27}" destId="{615E87BA-8DFE-4503-8CD5-A14030E3564F}" srcOrd="5" destOrd="0" presId="urn:microsoft.com/office/officeart/2005/8/layout/lProcess2"/>
    <dgm:cxn modelId="{A9B3C778-3DA7-4DC9-A024-CE2F6CFC9B3E}" type="presParOf" srcId="{1C3BFE94-DAD7-4D9B-9794-FC1DBF487B27}" destId="{759576AB-97BA-4756-B2C6-4A6BC2B7F0C0}" srcOrd="6" destOrd="0" presId="urn:microsoft.com/office/officeart/2005/8/layout/lProcess2"/>
    <dgm:cxn modelId="{E3CE1323-8680-4BD2-BA39-9434595DB852}" type="presParOf" srcId="{1C3BFE94-DAD7-4D9B-9794-FC1DBF487B27}" destId="{86AB5D10-A053-4152-B79D-A0DA2698AF89}" srcOrd="7" destOrd="0" presId="urn:microsoft.com/office/officeart/2005/8/layout/lProcess2"/>
    <dgm:cxn modelId="{FC4CCB9A-6304-416C-AFAF-94AF949909AA}" type="presParOf" srcId="{1C3BFE94-DAD7-4D9B-9794-FC1DBF487B27}" destId="{42C8369F-7602-4A7A-9A3A-CD7B928D117A}" srcOrd="8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 smtClean="0"/>
            <a:t>Roney</a:t>
          </a:r>
          <a:r>
            <a:rPr lang="en-US" dirty="0" smtClean="0"/>
            <a:t> </a:t>
          </a:r>
          <a:r>
            <a:rPr lang="en-US" dirty="0" err="1" smtClean="0"/>
            <a:t>Whonshevins</a:t>
          </a:r>
          <a:r>
            <a:rPr lang="en-US" dirty="0" smtClean="0"/>
            <a:t> Project Lead</a:t>
          </a:r>
          <a:endParaRPr lang="en-US" dirty="0"/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 smtClean="0"/>
            <a:t>Jacob Wagner Software Developer</a:t>
          </a:r>
          <a:endParaRPr lang="en-US" dirty="0"/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 smtClean="0"/>
            <a:t>Adan </a:t>
          </a:r>
          <a:r>
            <a:rPr lang="en-US" dirty="0" err="1" smtClean="0"/>
            <a:t>Maxamed</a:t>
          </a:r>
          <a:r>
            <a:rPr lang="en-US" dirty="0" smtClean="0"/>
            <a:t> Software Developer</a:t>
          </a:r>
          <a:endParaRPr lang="en-US" dirty="0"/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 smtClean="0"/>
            <a:t>James Leahy Web Developer</a:t>
          </a:r>
          <a:endParaRPr lang="en-US" dirty="0"/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 smtClean="0"/>
            <a:t>Guy </a:t>
          </a:r>
          <a:r>
            <a:rPr lang="en-US" dirty="0" err="1" smtClean="0"/>
            <a:t>Banaga</a:t>
          </a:r>
          <a:r>
            <a:rPr lang="en-US" dirty="0" smtClean="0"/>
            <a:t> Network Engineer</a:t>
          </a:r>
          <a:endParaRPr lang="en-US" dirty="0"/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 smtClean="0"/>
            <a:t>Andrew Butts Network Engineer</a:t>
          </a:r>
          <a:endParaRPr lang="en-US" dirty="0"/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4EA89FA-F4C3-4343-B0EA-03CE8E80571B}" type="pres">
      <dgm:prSet presAssocID="{1AE76108-91FB-44D8-8A89-B8E208F7E5CA}" presName="rootConnector1" presStyleLbl="node1" presStyleIdx="0" presStyleCnt="0"/>
      <dgm:spPr/>
      <dgm:t>
        <a:bodyPr/>
        <a:lstStyle/>
        <a:p>
          <a:endParaRPr lang="en-US"/>
        </a:p>
      </dgm:t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  <dgm:t>
        <a:bodyPr/>
        <a:lstStyle/>
        <a:p>
          <a:endParaRPr lang="en-US"/>
        </a:p>
      </dgm:t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D164376A-6279-4F34-8FAC-9C7E5143D544}" type="pres">
      <dgm:prSet presAssocID="{292949A4-AA05-4E18-B3F5-1798B9517995}" presName="rootConnector" presStyleLbl="node2" presStyleIdx="0" presStyleCnt="5"/>
      <dgm:spPr/>
      <dgm:t>
        <a:bodyPr/>
        <a:lstStyle/>
        <a:p>
          <a:endParaRPr lang="en-US"/>
        </a:p>
      </dgm:t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  <dgm:t>
        <a:bodyPr/>
        <a:lstStyle/>
        <a:p>
          <a:endParaRPr lang="en-US"/>
        </a:p>
      </dgm:t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5D0D12C-4679-4F26-9710-FD8E514589D1}" type="pres">
      <dgm:prSet presAssocID="{28A0B37A-BED0-495D-9DE0-5C3EB254BD9C}" presName="rootConnector" presStyleLbl="node2" presStyleIdx="1" presStyleCnt="5"/>
      <dgm:spPr/>
      <dgm:t>
        <a:bodyPr/>
        <a:lstStyle/>
        <a:p>
          <a:endParaRPr lang="en-US"/>
        </a:p>
      </dgm:t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  <dgm:t>
        <a:bodyPr/>
        <a:lstStyle/>
        <a:p>
          <a:endParaRPr lang="en-US"/>
        </a:p>
      </dgm:t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66423F-FACA-4DAE-89C7-B644512E5F7D}" type="pres">
      <dgm:prSet presAssocID="{0ACBA0E5-BBCD-43D7-A3BC-FC0CF9D01C8A}" presName="rootConnector" presStyleLbl="node2" presStyleIdx="2" presStyleCnt="5"/>
      <dgm:spPr/>
      <dgm:t>
        <a:bodyPr/>
        <a:lstStyle/>
        <a:p>
          <a:endParaRPr lang="en-US"/>
        </a:p>
      </dgm:t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  <dgm:t>
        <a:bodyPr/>
        <a:lstStyle/>
        <a:p>
          <a:endParaRPr lang="en-US"/>
        </a:p>
      </dgm:t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76F18EF-98B9-479F-AD3D-B0E4FFB0B47A}" type="pres">
      <dgm:prSet presAssocID="{5FDCA85D-1C67-44A6-9071-13A348508795}" presName="rootConnector" presStyleLbl="node2" presStyleIdx="3" presStyleCnt="5"/>
      <dgm:spPr/>
      <dgm:t>
        <a:bodyPr/>
        <a:lstStyle/>
        <a:p>
          <a:endParaRPr lang="en-US"/>
        </a:p>
      </dgm:t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  <dgm:t>
        <a:bodyPr/>
        <a:lstStyle/>
        <a:p>
          <a:endParaRPr lang="en-US"/>
        </a:p>
      </dgm:t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8D51D276-271D-4015-8578-EBD555336B3D}" type="pres">
      <dgm:prSet presAssocID="{DE0E1A6D-842C-4DA7-8886-D7DC31B420C4}" presName="rootConnector" presStyleLbl="node2" presStyleIdx="4" presStyleCnt="5"/>
      <dgm:spPr/>
      <dgm:t>
        <a:bodyPr/>
        <a:lstStyle/>
        <a:p>
          <a:endParaRPr lang="en-US"/>
        </a:p>
      </dgm:t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5C910A7C-96F9-4B87-B27C-95BC729566FF}" type="presOf" srcId="{03FDE31C-AA0C-4FFD-88F3-B8C60C7688B2}" destId="{8E0B701E-731A-4119-97E9-BE8C6970B14F}" srcOrd="0" destOrd="0" presId="urn:microsoft.com/office/officeart/2005/8/layout/orgChart1"/>
    <dgm:cxn modelId="{D4227410-D37B-4A47-9F7A-F56101224193}" type="presOf" srcId="{78502359-E29E-4A2D-ACAC-4DCAC351BAD4}" destId="{24932D62-51B8-4D71-A5FA-4BD57552139C}" srcOrd="0" destOrd="0" presId="urn:microsoft.com/office/officeart/2005/8/layout/orgChart1"/>
    <dgm:cxn modelId="{E76A9F78-2598-4D4F-8D40-B8180936BEB5}" type="presOf" srcId="{0ACBA0E5-BBCD-43D7-A3BC-FC0CF9D01C8A}" destId="{57DA3771-BFCF-450F-AC08-0C13953670E4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9C157A44-E67B-43AB-8E3C-25B8B671C2FE}" type="presOf" srcId="{480A263B-CD14-423A-A0E1-102EAB428708}" destId="{ED86A04F-8E18-4C09-847D-FF6943170D74}" srcOrd="0" destOrd="0" presId="urn:microsoft.com/office/officeart/2005/8/layout/orgChart1"/>
    <dgm:cxn modelId="{31205137-F20C-45C3-A5AD-DCF762BE98ED}" type="presOf" srcId="{1AE76108-91FB-44D8-8A89-B8E208F7E5CA}" destId="{B4EA89FA-F4C3-4343-B0EA-03CE8E80571B}" srcOrd="1" destOrd="0" presId="urn:microsoft.com/office/officeart/2005/8/layout/orgChart1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E0866B85-BEA3-47DD-90E4-1F86C2EE1547}" type="presOf" srcId="{DE0E1A6D-842C-4DA7-8886-D7DC31B420C4}" destId="{931BDEED-7C24-44A9-8AA6-DFC70DC799DC}" srcOrd="0" destOrd="0" presId="urn:microsoft.com/office/officeart/2005/8/layout/orgChart1"/>
    <dgm:cxn modelId="{E018AD2C-3B77-43B3-AD55-850107D33FF0}" type="presOf" srcId="{0ACBA0E5-BBCD-43D7-A3BC-FC0CF9D01C8A}" destId="{FA66423F-FACA-4DAE-89C7-B644512E5F7D}" srcOrd="1" destOrd="0" presId="urn:microsoft.com/office/officeart/2005/8/layout/orgChart1"/>
    <dgm:cxn modelId="{11CBBA67-0EF3-4C5E-9A47-6339FD7DD3D0}" type="presOf" srcId="{5FDCA85D-1C67-44A6-9071-13A348508795}" destId="{A76F18EF-98B9-479F-AD3D-B0E4FFB0B47A}" srcOrd="1" destOrd="0" presId="urn:microsoft.com/office/officeart/2005/8/layout/orgChart1"/>
    <dgm:cxn modelId="{15820587-E4AB-475C-A66A-10871F5C1BFE}" type="presOf" srcId="{1AE76108-91FB-44D8-8A89-B8E208F7E5CA}" destId="{B4F9536A-212F-4EE6-8E36-1F7330E5587D}" srcOrd="0" destOrd="0" presId="urn:microsoft.com/office/officeart/2005/8/layout/orgChart1"/>
    <dgm:cxn modelId="{A5CF092A-48C0-4190-99C8-3A824DF35366}" type="presOf" srcId="{DE0E1A6D-842C-4DA7-8886-D7DC31B420C4}" destId="{8D51D276-271D-4015-8578-EBD555336B3D}" srcOrd="1" destOrd="0" presId="urn:microsoft.com/office/officeart/2005/8/layout/orgChart1"/>
    <dgm:cxn modelId="{76A57E43-8354-4108-977E-3B542BC06482}" type="presOf" srcId="{292949A4-AA05-4E18-B3F5-1798B9517995}" destId="{7174A553-29A2-4360-80CF-40A80BE1E5E1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B23594AA-E554-4364-A8EF-FAB2FEE794D5}" type="presOf" srcId="{28A0B37A-BED0-495D-9DE0-5C3EB254BD9C}" destId="{08335018-97AA-460E-A117-81DBA3DD3BA6}" srcOrd="0" destOrd="0" presId="urn:microsoft.com/office/officeart/2005/8/layout/orgChart1"/>
    <dgm:cxn modelId="{FFD32096-5371-4B53-A9A2-CD8091D037A0}" type="presOf" srcId="{292949A4-AA05-4E18-B3F5-1798B9517995}" destId="{D164376A-6279-4F34-8FAC-9C7E5143D544}" srcOrd="1" destOrd="0" presId="urn:microsoft.com/office/officeart/2005/8/layout/orgChart1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F5FB785E-410F-4C3F-8B96-026C6E7C2AB8}" type="presOf" srcId="{C6B0EF2E-D0FA-4A1B-8E00-868CCDF8158E}" destId="{86CB14CF-3AAB-49BF-A348-8C10128F63F4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AA8D120A-5FEB-42E1-A5C6-D502BA1C9F6E}" type="presOf" srcId="{28A0B37A-BED0-495D-9DE0-5C3EB254BD9C}" destId="{65D0D12C-4679-4F26-9710-FD8E514589D1}" srcOrd="1" destOrd="0" presId="urn:microsoft.com/office/officeart/2005/8/layout/orgChart1"/>
    <dgm:cxn modelId="{63B8BA72-C596-45B0-9DA4-5C972DB44624}" type="presOf" srcId="{A9367425-E34E-4C76-9930-ADFAEE130305}" destId="{49F27310-186D-41EB-B0D9-B311379F2447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C609E8B-20FD-4D71-8376-89F87870CC0D}" type="presOf" srcId="{5FDCA85D-1C67-44A6-9071-13A348508795}" destId="{95F76DE9-F993-4C08-8EB9-2BBE7C2B73FA}" srcOrd="0" destOrd="0" presId="urn:microsoft.com/office/officeart/2005/8/layout/orgChart1"/>
    <dgm:cxn modelId="{A214FB37-7E31-4EE5-AED6-14A39B293834}" type="presOf" srcId="{E32B743A-4D9B-46EC-B467-37C95D82D444}" destId="{7E46C12F-3E25-4D17-99C8-FB705B0F3657}" srcOrd="0" destOrd="0" presId="urn:microsoft.com/office/officeart/2005/8/layout/orgChart1"/>
    <dgm:cxn modelId="{D2A08F11-716A-426F-A4AC-947F485B7CB4}" type="presParOf" srcId="{24932D62-51B8-4D71-A5FA-4BD57552139C}" destId="{63487077-536E-4911-8464-54721A48DE05}" srcOrd="0" destOrd="0" presId="urn:microsoft.com/office/officeart/2005/8/layout/orgChart1"/>
    <dgm:cxn modelId="{58ADE787-10B5-4FE6-A123-CA32AB4B7DB6}" type="presParOf" srcId="{63487077-536E-4911-8464-54721A48DE05}" destId="{342D541C-5030-4F91-A070-844941CA9444}" srcOrd="0" destOrd="0" presId="urn:microsoft.com/office/officeart/2005/8/layout/orgChart1"/>
    <dgm:cxn modelId="{8295980C-6602-4BAC-AC27-F11A17F0BB84}" type="presParOf" srcId="{342D541C-5030-4F91-A070-844941CA9444}" destId="{B4F9536A-212F-4EE6-8E36-1F7330E5587D}" srcOrd="0" destOrd="0" presId="urn:microsoft.com/office/officeart/2005/8/layout/orgChart1"/>
    <dgm:cxn modelId="{A33FE358-A662-4440-9CE0-C22297BB64B6}" type="presParOf" srcId="{342D541C-5030-4F91-A070-844941CA9444}" destId="{B4EA89FA-F4C3-4343-B0EA-03CE8E80571B}" srcOrd="1" destOrd="0" presId="urn:microsoft.com/office/officeart/2005/8/layout/orgChart1"/>
    <dgm:cxn modelId="{051B5B5E-64E2-4C12-AE4E-C522D246A1BE}" type="presParOf" srcId="{63487077-536E-4911-8464-54721A48DE05}" destId="{D1F0577B-7768-4685-A52C-86010901C5D7}" srcOrd="1" destOrd="0" presId="urn:microsoft.com/office/officeart/2005/8/layout/orgChart1"/>
    <dgm:cxn modelId="{66138F4A-C2CA-4AA2-9FFE-4D0C8E4C7105}" type="presParOf" srcId="{D1F0577B-7768-4685-A52C-86010901C5D7}" destId="{ED86A04F-8E18-4C09-847D-FF6943170D74}" srcOrd="0" destOrd="0" presId="urn:microsoft.com/office/officeart/2005/8/layout/orgChart1"/>
    <dgm:cxn modelId="{4A82F55A-8C9C-4788-B443-20ADD99A9703}" type="presParOf" srcId="{D1F0577B-7768-4685-A52C-86010901C5D7}" destId="{EFB687C1-0A36-4EE0-869B-BE082DC4B4F5}" srcOrd="1" destOrd="0" presId="urn:microsoft.com/office/officeart/2005/8/layout/orgChart1"/>
    <dgm:cxn modelId="{B2416DF4-9D34-4F36-91BE-6A8B1F1DA854}" type="presParOf" srcId="{EFB687C1-0A36-4EE0-869B-BE082DC4B4F5}" destId="{B3B2FC3E-37B1-4887-B44A-51C1D04E725F}" srcOrd="0" destOrd="0" presId="urn:microsoft.com/office/officeart/2005/8/layout/orgChart1"/>
    <dgm:cxn modelId="{75D57A40-45D2-4777-9B67-8CFB11F36A10}" type="presParOf" srcId="{B3B2FC3E-37B1-4887-B44A-51C1D04E725F}" destId="{7174A553-29A2-4360-80CF-40A80BE1E5E1}" srcOrd="0" destOrd="0" presId="urn:microsoft.com/office/officeart/2005/8/layout/orgChart1"/>
    <dgm:cxn modelId="{C4236F08-37BC-4DC9-AAC2-9E2A9FDC74DF}" type="presParOf" srcId="{B3B2FC3E-37B1-4887-B44A-51C1D04E725F}" destId="{D164376A-6279-4F34-8FAC-9C7E5143D544}" srcOrd="1" destOrd="0" presId="urn:microsoft.com/office/officeart/2005/8/layout/orgChart1"/>
    <dgm:cxn modelId="{549BF09F-C4C4-4F63-8454-911D521CEA74}" type="presParOf" srcId="{EFB687C1-0A36-4EE0-869B-BE082DC4B4F5}" destId="{8C825E58-14E8-483E-9F7B-AA1792C01D88}" srcOrd="1" destOrd="0" presId="urn:microsoft.com/office/officeart/2005/8/layout/orgChart1"/>
    <dgm:cxn modelId="{178B34E3-400D-4032-84D3-F28E4F82EFB2}" type="presParOf" srcId="{EFB687C1-0A36-4EE0-869B-BE082DC4B4F5}" destId="{DE7C342C-0614-40D9-A99C-12D7AD9BC715}" srcOrd="2" destOrd="0" presId="urn:microsoft.com/office/officeart/2005/8/layout/orgChart1"/>
    <dgm:cxn modelId="{37B09C77-D76C-422C-B467-2CB2D39C2A75}" type="presParOf" srcId="{D1F0577B-7768-4685-A52C-86010901C5D7}" destId="{49F27310-186D-41EB-B0D9-B311379F2447}" srcOrd="2" destOrd="0" presId="urn:microsoft.com/office/officeart/2005/8/layout/orgChart1"/>
    <dgm:cxn modelId="{3D85C5E8-1EBB-4F3D-B592-DD34C725D804}" type="presParOf" srcId="{D1F0577B-7768-4685-A52C-86010901C5D7}" destId="{DD37C9DD-498D-4BBC-B3E4-1EA4D5759522}" srcOrd="3" destOrd="0" presId="urn:microsoft.com/office/officeart/2005/8/layout/orgChart1"/>
    <dgm:cxn modelId="{54FB5160-BBBC-4C76-BAD2-9A2739C9D172}" type="presParOf" srcId="{DD37C9DD-498D-4BBC-B3E4-1EA4D5759522}" destId="{5D52FA1C-A3E5-4CA3-8F7A-23BAFF63DCA7}" srcOrd="0" destOrd="0" presId="urn:microsoft.com/office/officeart/2005/8/layout/orgChart1"/>
    <dgm:cxn modelId="{CD098E85-815E-4717-8930-6DEFF9087B54}" type="presParOf" srcId="{5D52FA1C-A3E5-4CA3-8F7A-23BAFF63DCA7}" destId="{08335018-97AA-460E-A117-81DBA3DD3BA6}" srcOrd="0" destOrd="0" presId="urn:microsoft.com/office/officeart/2005/8/layout/orgChart1"/>
    <dgm:cxn modelId="{CA4A60C4-2A22-4167-B42C-E747FD2C8FD8}" type="presParOf" srcId="{5D52FA1C-A3E5-4CA3-8F7A-23BAFF63DCA7}" destId="{65D0D12C-4679-4F26-9710-FD8E514589D1}" srcOrd="1" destOrd="0" presId="urn:microsoft.com/office/officeart/2005/8/layout/orgChart1"/>
    <dgm:cxn modelId="{B1415538-0074-483F-875E-B3B961F85DD6}" type="presParOf" srcId="{DD37C9DD-498D-4BBC-B3E4-1EA4D5759522}" destId="{8EB97B11-FBCA-4B4E-B19F-53DF3AFDD2F3}" srcOrd="1" destOrd="0" presId="urn:microsoft.com/office/officeart/2005/8/layout/orgChart1"/>
    <dgm:cxn modelId="{801137C5-73EA-42F4-9294-3E55FB91D7B3}" type="presParOf" srcId="{DD37C9DD-498D-4BBC-B3E4-1EA4D5759522}" destId="{02C81350-F8A1-4EAC-834A-37E8A0F9D7A0}" srcOrd="2" destOrd="0" presId="urn:microsoft.com/office/officeart/2005/8/layout/orgChart1"/>
    <dgm:cxn modelId="{57A47877-47A3-4E52-9A5A-078CE6741519}" type="presParOf" srcId="{D1F0577B-7768-4685-A52C-86010901C5D7}" destId="{86CB14CF-3AAB-49BF-A348-8C10128F63F4}" srcOrd="4" destOrd="0" presId="urn:microsoft.com/office/officeart/2005/8/layout/orgChart1"/>
    <dgm:cxn modelId="{76ECF0F3-8201-4CD3-AE6A-B7861DB9297A}" type="presParOf" srcId="{D1F0577B-7768-4685-A52C-86010901C5D7}" destId="{77371579-F80B-48CD-B835-644D974105F2}" srcOrd="5" destOrd="0" presId="urn:microsoft.com/office/officeart/2005/8/layout/orgChart1"/>
    <dgm:cxn modelId="{080B5EDF-268B-4002-8CFB-88CD0DA5BE22}" type="presParOf" srcId="{77371579-F80B-48CD-B835-644D974105F2}" destId="{C6C8DF18-AFF5-41C5-91D5-986B3912F98F}" srcOrd="0" destOrd="0" presId="urn:microsoft.com/office/officeart/2005/8/layout/orgChart1"/>
    <dgm:cxn modelId="{1C4E3E62-8F17-47AD-9471-5333672F03A0}" type="presParOf" srcId="{C6C8DF18-AFF5-41C5-91D5-986B3912F98F}" destId="{57DA3771-BFCF-450F-AC08-0C13953670E4}" srcOrd="0" destOrd="0" presId="urn:microsoft.com/office/officeart/2005/8/layout/orgChart1"/>
    <dgm:cxn modelId="{5077C600-E3C4-4471-BEF3-EC36469A4367}" type="presParOf" srcId="{C6C8DF18-AFF5-41C5-91D5-986B3912F98F}" destId="{FA66423F-FACA-4DAE-89C7-B644512E5F7D}" srcOrd="1" destOrd="0" presId="urn:microsoft.com/office/officeart/2005/8/layout/orgChart1"/>
    <dgm:cxn modelId="{F2C35273-F751-4DF9-AA4C-180FF45F71EA}" type="presParOf" srcId="{77371579-F80B-48CD-B835-644D974105F2}" destId="{A60090D2-BA88-4DA7-A0B0-A2449D16B861}" srcOrd="1" destOrd="0" presId="urn:microsoft.com/office/officeart/2005/8/layout/orgChart1"/>
    <dgm:cxn modelId="{83A30D58-43D9-48A9-BAF8-CDA92322E620}" type="presParOf" srcId="{77371579-F80B-48CD-B835-644D974105F2}" destId="{1058A9B4-2819-474F-9B1E-FCE066EC39C9}" srcOrd="2" destOrd="0" presId="urn:microsoft.com/office/officeart/2005/8/layout/orgChart1"/>
    <dgm:cxn modelId="{68571FCC-4B3A-4794-A14E-44F8546DDCFC}" type="presParOf" srcId="{D1F0577B-7768-4685-A52C-86010901C5D7}" destId="{8E0B701E-731A-4119-97E9-BE8C6970B14F}" srcOrd="6" destOrd="0" presId="urn:microsoft.com/office/officeart/2005/8/layout/orgChart1"/>
    <dgm:cxn modelId="{3965C1DF-DDC0-4A7E-9472-5CBB1C228D73}" type="presParOf" srcId="{D1F0577B-7768-4685-A52C-86010901C5D7}" destId="{874468E2-0EC1-4B30-BFBA-2E7D789367BD}" srcOrd="7" destOrd="0" presId="urn:microsoft.com/office/officeart/2005/8/layout/orgChart1"/>
    <dgm:cxn modelId="{6B93B3C0-1733-4171-BD41-E2239E591ABA}" type="presParOf" srcId="{874468E2-0EC1-4B30-BFBA-2E7D789367BD}" destId="{EBD67921-28BF-4E49-9555-F1C1BBCF3162}" srcOrd="0" destOrd="0" presId="urn:microsoft.com/office/officeart/2005/8/layout/orgChart1"/>
    <dgm:cxn modelId="{69120B46-BE4D-4C13-96C9-E153FCB84089}" type="presParOf" srcId="{EBD67921-28BF-4E49-9555-F1C1BBCF3162}" destId="{95F76DE9-F993-4C08-8EB9-2BBE7C2B73FA}" srcOrd="0" destOrd="0" presId="urn:microsoft.com/office/officeart/2005/8/layout/orgChart1"/>
    <dgm:cxn modelId="{D0113489-72C2-4A35-A99C-865746A95927}" type="presParOf" srcId="{EBD67921-28BF-4E49-9555-F1C1BBCF3162}" destId="{A76F18EF-98B9-479F-AD3D-B0E4FFB0B47A}" srcOrd="1" destOrd="0" presId="urn:microsoft.com/office/officeart/2005/8/layout/orgChart1"/>
    <dgm:cxn modelId="{FE0EB032-D4FD-432C-9453-17700034F813}" type="presParOf" srcId="{874468E2-0EC1-4B30-BFBA-2E7D789367BD}" destId="{D5C426A1-EAF3-4CC8-9D70-F9EBFDECC12B}" srcOrd="1" destOrd="0" presId="urn:microsoft.com/office/officeart/2005/8/layout/orgChart1"/>
    <dgm:cxn modelId="{B3D2B8DE-D9E0-420E-91D2-008B10AE5B4C}" type="presParOf" srcId="{874468E2-0EC1-4B30-BFBA-2E7D789367BD}" destId="{FAC07446-5EA7-473F-8A6A-3F435781B06F}" srcOrd="2" destOrd="0" presId="urn:microsoft.com/office/officeart/2005/8/layout/orgChart1"/>
    <dgm:cxn modelId="{ED05DF72-9417-488F-B81D-3D72050069FE}" type="presParOf" srcId="{D1F0577B-7768-4685-A52C-86010901C5D7}" destId="{7E46C12F-3E25-4D17-99C8-FB705B0F3657}" srcOrd="8" destOrd="0" presId="urn:microsoft.com/office/officeart/2005/8/layout/orgChart1"/>
    <dgm:cxn modelId="{2155A7F6-7912-4F00-85C3-3D7004EF4CD4}" type="presParOf" srcId="{D1F0577B-7768-4685-A52C-86010901C5D7}" destId="{771C4E75-88C8-49EF-B8A4-B3BD6AD3E37D}" srcOrd="9" destOrd="0" presId="urn:microsoft.com/office/officeart/2005/8/layout/orgChart1"/>
    <dgm:cxn modelId="{24732B4E-1224-49F3-9FD8-F33FCC6900D0}" type="presParOf" srcId="{771C4E75-88C8-49EF-B8A4-B3BD6AD3E37D}" destId="{AD47438A-AF57-4FE5-873B-462AF393E2CD}" srcOrd="0" destOrd="0" presId="urn:microsoft.com/office/officeart/2005/8/layout/orgChart1"/>
    <dgm:cxn modelId="{56183E56-E57D-4A7E-9BCB-66AF564DF40F}" type="presParOf" srcId="{AD47438A-AF57-4FE5-873B-462AF393E2CD}" destId="{931BDEED-7C24-44A9-8AA6-DFC70DC799DC}" srcOrd="0" destOrd="0" presId="urn:microsoft.com/office/officeart/2005/8/layout/orgChart1"/>
    <dgm:cxn modelId="{CF9347C2-3285-4ACE-ACC5-31947076BE75}" type="presParOf" srcId="{AD47438A-AF57-4FE5-873B-462AF393E2CD}" destId="{8D51D276-271D-4015-8578-EBD555336B3D}" srcOrd="1" destOrd="0" presId="urn:microsoft.com/office/officeart/2005/8/layout/orgChart1"/>
    <dgm:cxn modelId="{93A009C5-C47E-44B5-8F5F-16543CEDC911}" type="presParOf" srcId="{771C4E75-88C8-49EF-B8A4-B3BD6AD3E37D}" destId="{20E5082B-3C39-41EC-8783-72298E3631D8}" srcOrd="1" destOrd="0" presId="urn:microsoft.com/office/officeart/2005/8/layout/orgChart1"/>
    <dgm:cxn modelId="{726B7A98-AADA-4341-9DEC-CA79384A1932}" type="presParOf" srcId="{771C4E75-88C8-49EF-B8A4-B3BD6AD3E37D}" destId="{C0CCEAD5-F37E-4C94-B710-03A6AEE51212}" srcOrd="2" destOrd="0" presId="urn:microsoft.com/office/officeart/2005/8/layout/orgChart1"/>
    <dgm:cxn modelId="{91A647A0-4921-4632-BE4B-CAF9D10D2C20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9117285" y="1985676"/>
          <a:ext cx="770669" cy="3667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942"/>
              </a:lnTo>
              <a:lnTo>
                <a:pt x="770669" y="249942"/>
              </a:lnTo>
              <a:lnTo>
                <a:pt x="770669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8346616" y="1985676"/>
          <a:ext cx="770669" cy="366768"/>
        </a:xfrm>
        <a:custGeom>
          <a:avLst/>
          <a:gdLst/>
          <a:ahLst/>
          <a:cxnLst/>
          <a:rect l="0" t="0" r="0" b="0"/>
          <a:pathLst>
            <a:path>
              <a:moveTo>
                <a:pt x="770669" y="0"/>
              </a:moveTo>
              <a:lnTo>
                <a:pt x="770669" y="249942"/>
              </a:lnTo>
              <a:lnTo>
                <a:pt x="0" y="249942"/>
              </a:lnTo>
              <a:lnTo>
                <a:pt x="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649273" y="818112"/>
          <a:ext cx="3468011" cy="3667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942"/>
              </a:lnTo>
              <a:lnTo>
                <a:pt x="3468011" y="249942"/>
              </a:lnTo>
              <a:lnTo>
                <a:pt x="3468011" y="366768"/>
              </a:lnTo>
            </a:path>
          </a:pathLst>
        </a:custGeom>
        <a:noFill/>
        <a:ln w="12700" cap="flat" cmpd="sng" algn="ctr">
          <a:solidFill>
            <a:schemeClr val="accent5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6034608" y="1985676"/>
          <a:ext cx="770669" cy="3667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942"/>
              </a:lnTo>
              <a:lnTo>
                <a:pt x="770669" y="249942"/>
              </a:lnTo>
              <a:lnTo>
                <a:pt x="770669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263939" y="1985676"/>
          <a:ext cx="770669" cy="366768"/>
        </a:xfrm>
        <a:custGeom>
          <a:avLst/>
          <a:gdLst/>
          <a:ahLst/>
          <a:cxnLst/>
          <a:rect l="0" t="0" r="0" b="0"/>
          <a:pathLst>
            <a:path>
              <a:moveTo>
                <a:pt x="770669" y="0"/>
              </a:moveTo>
              <a:lnTo>
                <a:pt x="770669" y="249942"/>
              </a:lnTo>
              <a:lnTo>
                <a:pt x="0" y="249942"/>
              </a:lnTo>
              <a:lnTo>
                <a:pt x="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649273" y="818112"/>
          <a:ext cx="385334" cy="3667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942"/>
              </a:lnTo>
              <a:lnTo>
                <a:pt x="385334" y="249942"/>
              </a:lnTo>
              <a:lnTo>
                <a:pt x="385334" y="366768"/>
              </a:lnTo>
            </a:path>
          </a:pathLst>
        </a:custGeom>
        <a:noFill/>
        <a:ln w="12700" cap="flat" cmpd="sng" algn="ctr">
          <a:solidFill>
            <a:schemeClr val="accent5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181262" y="1985676"/>
          <a:ext cx="1541338" cy="3667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942"/>
              </a:lnTo>
              <a:lnTo>
                <a:pt x="1541338" y="249942"/>
              </a:lnTo>
              <a:lnTo>
                <a:pt x="1541338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181262" y="3153239"/>
          <a:ext cx="747565" cy="37124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54418"/>
              </a:lnTo>
              <a:lnTo>
                <a:pt x="747565" y="254418"/>
              </a:lnTo>
              <a:lnTo>
                <a:pt x="747565" y="371244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364872" y="4320803"/>
          <a:ext cx="91440" cy="36676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410592" y="3153239"/>
          <a:ext cx="770669" cy="366768"/>
        </a:xfrm>
        <a:custGeom>
          <a:avLst/>
          <a:gdLst/>
          <a:ahLst/>
          <a:cxnLst/>
          <a:rect l="0" t="0" r="0" b="0"/>
          <a:pathLst>
            <a:path>
              <a:moveTo>
                <a:pt x="770669" y="0"/>
              </a:moveTo>
              <a:lnTo>
                <a:pt x="770669" y="249942"/>
              </a:lnTo>
              <a:lnTo>
                <a:pt x="0" y="249942"/>
              </a:lnTo>
              <a:lnTo>
                <a:pt x="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135542" y="1985676"/>
          <a:ext cx="91440" cy="36676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639923" y="1985676"/>
          <a:ext cx="1541338" cy="366768"/>
        </a:xfrm>
        <a:custGeom>
          <a:avLst/>
          <a:gdLst/>
          <a:ahLst/>
          <a:cxnLst/>
          <a:rect l="0" t="0" r="0" b="0"/>
          <a:pathLst>
            <a:path>
              <a:moveTo>
                <a:pt x="1541338" y="0"/>
              </a:moveTo>
              <a:lnTo>
                <a:pt x="1541338" y="249942"/>
              </a:lnTo>
              <a:lnTo>
                <a:pt x="0" y="249942"/>
              </a:lnTo>
              <a:lnTo>
                <a:pt x="0" y="366768"/>
              </a:lnTo>
            </a:path>
          </a:pathLst>
        </a:custGeom>
        <a:noFill/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181262" y="818112"/>
          <a:ext cx="3468011" cy="366768"/>
        </a:xfrm>
        <a:custGeom>
          <a:avLst/>
          <a:gdLst/>
          <a:ahLst/>
          <a:cxnLst/>
          <a:rect l="0" t="0" r="0" b="0"/>
          <a:pathLst>
            <a:path>
              <a:moveTo>
                <a:pt x="3468011" y="0"/>
              </a:moveTo>
              <a:lnTo>
                <a:pt x="3468011" y="249942"/>
              </a:lnTo>
              <a:lnTo>
                <a:pt x="0" y="249942"/>
              </a:lnTo>
              <a:lnTo>
                <a:pt x="0" y="366768"/>
              </a:lnTo>
            </a:path>
          </a:pathLst>
        </a:custGeom>
        <a:noFill/>
        <a:ln w="12700" cap="flat" cmpd="sng" algn="ctr">
          <a:solidFill>
            <a:schemeClr val="accent5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5018726" y="17316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158847" y="150432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Zander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President &amp; CEO</a:t>
          </a:r>
          <a:endParaRPr lang="en-US" sz="1100" kern="1200" dirty="0"/>
        </a:p>
      </dsp:txBody>
      <dsp:txXfrm>
        <a:off x="5182301" y="173886"/>
        <a:ext cx="1214187" cy="753887"/>
      </dsp:txXfrm>
    </dsp:sp>
    <dsp:sp modelId="{E5517394-D959-43B0-B5C5-7EB48695E2C4}">
      <dsp:nvSpPr>
        <dsp:cNvPr id="0" name=""/>
        <dsp:cNvSpPr/>
      </dsp:nvSpPr>
      <dsp:spPr>
        <a:xfrm>
          <a:off x="1550714" y="1184880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690836" y="1317996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Olivier Renaud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Team Director</a:t>
          </a:r>
          <a:endParaRPr lang="en-US" sz="1100" i="1" kern="1200" dirty="0"/>
        </a:p>
      </dsp:txBody>
      <dsp:txXfrm>
        <a:off x="1714290" y="1341450"/>
        <a:ext cx="1214187" cy="753887"/>
      </dsp:txXfrm>
    </dsp:sp>
    <dsp:sp modelId="{3D56BD52-D03A-4047-AD41-D4D4A6EFB434}">
      <dsp:nvSpPr>
        <dsp:cNvPr id="0" name=""/>
        <dsp:cNvSpPr/>
      </dsp:nvSpPr>
      <dsp:spPr>
        <a:xfrm>
          <a:off x="9376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149497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Spencer Lowe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2951" y="2509014"/>
        <a:ext cx="1214187" cy="753887"/>
      </dsp:txXfrm>
    </dsp:sp>
    <dsp:sp modelId="{DCB1E33D-13EC-4E25-974B-BEC1BFAB8C57}">
      <dsp:nvSpPr>
        <dsp:cNvPr id="0" name=""/>
        <dsp:cNvSpPr/>
      </dsp:nvSpPr>
      <dsp:spPr>
        <a:xfrm>
          <a:off x="1550714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690836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Mike </a:t>
          </a:r>
          <a:r>
            <a:rPr lang="en-US" sz="1100" b="1" kern="1200" dirty="0" err="1" smtClean="0"/>
            <a:t>Danselio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14290" y="2509014"/>
        <a:ext cx="1214187" cy="753887"/>
      </dsp:txXfrm>
    </dsp:sp>
    <dsp:sp modelId="{3EAB1CE4-68D7-4335-A270-8E3EB71A5790}">
      <dsp:nvSpPr>
        <dsp:cNvPr id="0" name=""/>
        <dsp:cNvSpPr/>
      </dsp:nvSpPr>
      <dsp:spPr>
        <a:xfrm>
          <a:off x="780045" y="3520008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920167" y="3653123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Gym Manager</a:t>
          </a:r>
          <a:endParaRPr lang="en-US" sz="1100" kern="1200" dirty="0"/>
        </a:p>
      </dsp:txBody>
      <dsp:txXfrm>
        <a:off x="943621" y="3676577"/>
        <a:ext cx="1214187" cy="753887"/>
      </dsp:txXfrm>
    </dsp:sp>
    <dsp:sp modelId="{8629E89B-2488-4E84-8D53-9ABAE0E950DB}">
      <dsp:nvSpPr>
        <dsp:cNvPr id="0" name=""/>
        <dsp:cNvSpPr/>
      </dsp:nvSpPr>
      <dsp:spPr>
        <a:xfrm>
          <a:off x="780045" y="4687572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920167" y="4820687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Assistant Manager of Gym</a:t>
          </a:r>
          <a:endParaRPr lang="en-US" sz="1100" kern="1200" dirty="0"/>
        </a:p>
      </dsp:txBody>
      <dsp:txXfrm>
        <a:off x="943621" y="4844141"/>
        <a:ext cx="1214187" cy="753887"/>
      </dsp:txXfrm>
    </dsp:sp>
    <dsp:sp modelId="{1527F68E-B504-4B54-9F83-94EE448F2A71}">
      <dsp:nvSpPr>
        <dsp:cNvPr id="0" name=""/>
        <dsp:cNvSpPr/>
      </dsp:nvSpPr>
      <dsp:spPr>
        <a:xfrm>
          <a:off x="2298280" y="352448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438402" y="365760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HR representative</a:t>
          </a:r>
          <a:endParaRPr lang="en-US" sz="1100" b="1" kern="1200" dirty="0"/>
        </a:p>
      </dsp:txBody>
      <dsp:txXfrm>
        <a:off x="2461856" y="3681054"/>
        <a:ext cx="1214187" cy="753887"/>
      </dsp:txXfrm>
    </dsp:sp>
    <dsp:sp modelId="{0D430ACC-0A24-4E88-8E41-B626B052AB56}">
      <dsp:nvSpPr>
        <dsp:cNvPr id="0" name=""/>
        <dsp:cNvSpPr/>
      </dsp:nvSpPr>
      <dsp:spPr>
        <a:xfrm>
          <a:off x="3092053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32174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Prashanth</a:t>
          </a:r>
          <a:r>
            <a:rPr lang="en-US" sz="1100" b="1" kern="1200" dirty="0" smtClean="0"/>
            <a:t> Desai</a:t>
          </a:r>
          <a:br>
            <a:rPr lang="en-US" sz="1100" b="1" kern="1200" dirty="0" smtClean="0"/>
          </a:br>
          <a:r>
            <a:rPr lang="en-US" sz="1100" b="0" kern="1200" dirty="0" smtClean="0"/>
            <a:t>Regiona</a:t>
          </a:r>
          <a:r>
            <a:rPr lang="en-US" sz="1100" b="1" kern="1200" dirty="0" smtClean="0"/>
            <a:t>l</a:t>
          </a:r>
          <a:r>
            <a:rPr lang="en-US" sz="1100" i="1" kern="1200" dirty="0" smtClean="0"/>
            <a:t>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3255628" y="2509014"/>
        <a:ext cx="1214187" cy="753887"/>
      </dsp:txXfrm>
    </dsp:sp>
    <dsp:sp modelId="{814D968B-BB58-4009-A740-66AD03AAD2CC}">
      <dsp:nvSpPr>
        <dsp:cNvPr id="0" name=""/>
        <dsp:cNvSpPr/>
      </dsp:nvSpPr>
      <dsp:spPr>
        <a:xfrm>
          <a:off x="5404060" y="1184880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544182" y="1317996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awrie Gaffney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CFO</a:t>
          </a:r>
          <a:endParaRPr lang="en-US" sz="1100" i="1" kern="1200" dirty="0"/>
        </a:p>
      </dsp:txBody>
      <dsp:txXfrm>
        <a:off x="5567636" y="1341450"/>
        <a:ext cx="1214187" cy="753887"/>
      </dsp:txXfrm>
    </dsp:sp>
    <dsp:sp modelId="{BB1DA2C6-9035-47F3-AABE-8B758B6D19F0}">
      <dsp:nvSpPr>
        <dsp:cNvPr id="0" name=""/>
        <dsp:cNvSpPr/>
      </dsp:nvSpPr>
      <dsp:spPr>
        <a:xfrm>
          <a:off x="4633391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773513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smtClean="0"/>
            <a:t>Patrick lliott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i="1" kern="1200" dirty="0" smtClean="0"/>
            <a:t>VP Finance</a:t>
          </a:r>
          <a:endParaRPr lang="en-US" sz="1100" i="1" kern="1200" dirty="0"/>
        </a:p>
      </dsp:txBody>
      <dsp:txXfrm>
        <a:off x="4796967" y="2509014"/>
        <a:ext cx="1214187" cy="753887"/>
      </dsp:txXfrm>
    </dsp:sp>
    <dsp:sp modelId="{C410A2C1-12AA-4197-9D2B-0529261F107A}">
      <dsp:nvSpPr>
        <dsp:cNvPr id="0" name=""/>
        <dsp:cNvSpPr/>
      </dsp:nvSpPr>
      <dsp:spPr>
        <a:xfrm>
          <a:off x="6174730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314851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ola Jacobsen</a:t>
          </a:r>
          <a:br>
            <a:rPr lang="en-US" sz="1100" b="1" kern="1200" dirty="0" smtClean="0"/>
          </a:br>
          <a:r>
            <a:rPr lang="en-US" sz="1100" i="1" kern="1200" dirty="0" smtClean="0"/>
            <a:t>VP Accounting</a:t>
          </a:r>
          <a:endParaRPr lang="en-US" sz="1100" i="1" kern="1200" dirty="0"/>
        </a:p>
      </dsp:txBody>
      <dsp:txXfrm>
        <a:off x="6338305" y="2509014"/>
        <a:ext cx="1214187" cy="753887"/>
      </dsp:txXfrm>
    </dsp:sp>
    <dsp:sp modelId="{53DA5E8F-87F9-40FC-9678-EFD0486B275A}">
      <dsp:nvSpPr>
        <dsp:cNvPr id="0" name=""/>
        <dsp:cNvSpPr/>
      </dsp:nvSpPr>
      <dsp:spPr>
        <a:xfrm>
          <a:off x="8486737" y="1184880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626859" y="1317996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Szabolcs</a:t>
          </a:r>
          <a:r>
            <a:rPr lang="en-US" sz="1100" b="1" kern="1200" dirty="0" smtClean="0"/>
            <a:t> </a:t>
          </a:r>
          <a:r>
            <a:rPr lang="en-US" sz="1100" b="1" kern="1200" dirty="0" err="1" smtClean="0"/>
            <a:t>Vajda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b="0" kern="1200" dirty="0" smtClean="0"/>
            <a:t>Director of Human Resources</a:t>
          </a:r>
          <a:endParaRPr lang="en-US" sz="1100" b="0" i="1" kern="1200" dirty="0"/>
        </a:p>
      </dsp:txBody>
      <dsp:txXfrm>
        <a:off x="8650313" y="1341450"/>
        <a:ext cx="1214187" cy="753887"/>
      </dsp:txXfrm>
    </dsp:sp>
    <dsp:sp modelId="{C1D5E974-C272-426D-9C3B-33FC0063D5F1}">
      <dsp:nvSpPr>
        <dsp:cNvPr id="0" name=""/>
        <dsp:cNvSpPr/>
      </dsp:nvSpPr>
      <dsp:spPr>
        <a:xfrm>
          <a:off x="7716068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856190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</a:t>
          </a:r>
          <a:r>
            <a:rPr lang="en-US" sz="1100" b="1" kern="1200" dirty="0" err="1" smtClean="0"/>
            <a:t>Kozleski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Human Resources</a:t>
          </a:r>
          <a:endParaRPr lang="en-US" sz="1100" i="1" kern="1200" dirty="0"/>
        </a:p>
      </dsp:txBody>
      <dsp:txXfrm>
        <a:off x="7879644" y="2509014"/>
        <a:ext cx="1214187" cy="753887"/>
      </dsp:txXfrm>
    </dsp:sp>
    <dsp:sp modelId="{50D474EC-98DC-4737-BC55-92D95CD2A76F}">
      <dsp:nvSpPr>
        <dsp:cNvPr id="0" name=""/>
        <dsp:cNvSpPr/>
      </dsp:nvSpPr>
      <dsp:spPr>
        <a:xfrm>
          <a:off x="9257407" y="2352444"/>
          <a:ext cx="1261095" cy="80079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9397528" y="2485560"/>
          <a:ext cx="1261095" cy="800795"/>
        </a:xfrm>
        <a:prstGeom prst="roundRect">
          <a:avLst>
            <a:gd name="adj" fmla="val 10000"/>
          </a:avLst>
        </a:prstGeom>
        <a:solidFill>
          <a:schemeClr val="accent5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Pat Coleman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Customer Svc</a:t>
          </a:r>
          <a:endParaRPr lang="en-US" sz="1100" i="1" kern="1200" dirty="0"/>
        </a:p>
      </dsp:txBody>
      <dsp:txXfrm>
        <a:off x="9420982" y="2509014"/>
        <a:ext cx="1214187" cy="75388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160" y="0"/>
          <a:ext cx="3018032" cy="4657725"/>
        </a:xfrm>
        <a:prstGeom prst="roundRect">
          <a:avLst>
            <a:gd name="adj" fmla="val 10000"/>
          </a:avLst>
        </a:prstGeom>
        <a:solidFill>
          <a:schemeClr val="accent3">
            <a:tint val="5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lvl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800" kern="1200" dirty="0" smtClean="0"/>
            <a:t>East Coast</a:t>
          </a:r>
          <a:endParaRPr lang="en-US" sz="4800" kern="1200" dirty="0"/>
        </a:p>
      </dsp:txBody>
      <dsp:txXfrm>
        <a:off x="1160" y="0"/>
        <a:ext cx="3018032" cy="1397317"/>
      </dsp:txXfrm>
    </dsp:sp>
    <dsp:sp modelId="{E428CD33-FA68-46B3-9F64-5AE50B0A48A7}">
      <dsp:nvSpPr>
        <dsp:cNvPr id="0" name=""/>
        <dsp:cNvSpPr/>
      </dsp:nvSpPr>
      <dsp:spPr>
        <a:xfrm>
          <a:off x="302964" y="1397317"/>
          <a:ext cx="2414426" cy="3027521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Philadelphia, P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rlington, V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b="1" kern="1200" dirty="0"/>
        </a:p>
      </dsp:txBody>
      <dsp:txXfrm>
        <a:off x="373680" y="1468033"/>
        <a:ext cx="2272994" cy="2886089"/>
      </dsp:txXfrm>
    </dsp:sp>
    <dsp:sp modelId="{87088F45-863D-4158-B60A-599EE4F1EF62}">
      <dsp:nvSpPr>
        <dsp:cNvPr id="0" name=""/>
        <dsp:cNvSpPr/>
      </dsp:nvSpPr>
      <dsp:spPr>
        <a:xfrm>
          <a:off x="3245546" y="0"/>
          <a:ext cx="3018032" cy="4657725"/>
        </a:xfrm>
        <a:prstGeom prst="roundRect">
          <a:avLst>
            <a:gd name="adj" fmla="val 10000"/>
          </a:avLst>
        </a:prstGeom>
        <a:solidFill>
          <a:schemeClr val="accent3">
            <a:tint val="5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lvl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800" kern="1200" dirty="0" smtClean="0"/>
            <a:t>Midwest</a:t>
          </a:r>
          <a:endParaRPr lang="en-US" sz="4800" kern="1200" dirty="0"/>
        </a:p>
      </dsp:txBody>
      <dsp:txXfrm>
        <a:off x="3245546" y="0"/>
        <a:ext cx="3018032" cy="1397317"/>
      </dsp:txXfrm>
    </dsp:sp>
    <dsp:sp modelId="{8C4F88DF-20F8-4745-9426-66C191DC6822}">
      <dsp:nvSpPr>
        <dsp:cNvPr id="0" name=""/>
        <dsp:cNvSpPr/>
      </dsp:nvSpPr>
      <dsp:spPr>
        <a:xfrm>
          <a:off x="3547349" y="1397317"/>
          <a:ext cx="2414426" cy="3027521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239905"/>
            <a:satOff val="-16809"/>
            <a:lumOff val="1466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incinnati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troit, MI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olumbus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Milwaukee, WI</a:t>
          </a:r>
          <a:br>
            <a:rPr lang="en-US" sz="1900" b="1" kern="1200" dirty="0" smtClean="0"/>
          </a:br>
          <a:r>
            <a:rPr lang="en-US" sz="1900" b="1" kern="1200" dirty="0" smtClean="0"/>
            <a:t>Chicago, IL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allas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Houston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Tucson, AZ</a:t>
          </a:r>
        </a:p>
      </dsp:txBody>
      <dsp:txXfrm>
        <a:off x="3618065" y="1468033"/>
        <a:ext cx="2272994" cy="2886089"/>
      </dsp:txXfrm>
    </dsp:sp>
    <dsp:sp modelId="{01697534-9E0B-4C91-9DC0-60B2075B11C5}">
      <dsp:nvSpPr>
        <dsp:cNvPr id="0" name=""/>
        <dsp:cNvSpPr/>
      </dsp:nvSpPr>
      <dsp:spPr>
        <a:xfrm>
          <a:off x="6489931" y="0"/>
          <a:ext cx="3018032" cy="4657725"/>
        </a:xfrm>
        <a:prstGeom prst="roundRect">
          <a:avLst>
            <a:gd name="adj" fmla="val 10000"/>
          </a:avLst>
        </a:prstGeom>
        <a:solidFill>
          <a:schemeClr val="accent3">
            <a:tint val="5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lvl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800" kern="1200" dirty="0" smtClean="0"/>
            <a:t>West</a:t>
          </a:r>
          <a:endParaRPr lang="en-US" sz="4800" kern="1200" dirty="0"/>
        </a:p>
      </dsp:txBody>
      <dsp:txXfrm>
        <a:off x="6489931" y="0"/>
        <a:ext cx="3018032" cy="1397317"/>
      </dsp:txXfrm>
    </dsp:sp>
    <dsp:sp modelId="{7A040E14-948D-4559-992F-42A395A9AB74}">
      <dsp:nvSpPr>
        <dsp:cNvPr id="0" name=""/>
        <dsp:cNvSpPr/>
      </dsp:nvSpPr>
      <dsp:spPr>
        <a:xfrm>
          <a:off x="6791734" y="1398198"/>
          <a:ext cx="2414426" cy="538833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479810"/>
            <a:satOff val="-33618"/>
            <a:lumOff val="2933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lbuquerque, NM</a:t>
          </a:r>
          <a:endParaRPr lang="en-US" sz="1900" b="1" kern="1200" dirty="0"/>
        </a:p>
      </dsp:txBody>
      <dsp:txXfrm>
        <a:off x="6807516" y="1413980"/>
        <a:ext cx="2382862" cy="507269"/>
      </dsp:txXfrm>
    </dsp:sp>
    <dsp:sp modelId="{429ACE86-910D-4F7E-AC5C-AE2C3A4A2E04}">
      <dsp:nvSpPr>
        <dsp:cNvPr id="0" name=""/>
        <dsp:cNvSpPr/>
      </dsp:nvSpPr>
      <dsp:spPr>
        <a:xfrm>
          <a:off x="6791734" y="2019930"/>
          <a:ext cx="2414426" cy="538833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719715"/>
            <a:satOff val="-50427"/>
            <a:lumOff val="4400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os Angeles, CA</a:t>
          </a:r>
          <a:endParaRPr lang="en-US" sz="1900" b="1" kern="1200" dirty="0"/>
        </a:p>
      </dsp:txBody>
      <dsp:txXfrm>
        <a:off x="6807516" y="2035712"/>
        <a:ext cx="2382862" cy="507269"/>
      </dsp:txXfrm>
    </dsp:sp>
    <dsp:sp modelId="{836825D7-770D-42E8-A8B3-A034EB882CA7}">
      <dsp:nvSpPr>
        <dsp:cNvPr id="0" name=""/>
        <dsp:cNvSpPr/>
      </dsp:nvSpPr>
      <dsp:spPr>
        <a:xfrm>
          <a:off x="6791734" y="2641661"/>
          <a:ext cx="2414426" cy="538833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719715"/>
            <a:satOff val="-50427"/>
            <a:lumOff val="4400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San Francisco, CA</a:t>
          </a:r>
          <a:endParaRPr lang="en-US" sz="1900" b="1" kern="1200" dirty="0"/>
        </a:p>
      </dsp:txBody>
      <dsp:txXfrm>
        <a:off x="6807516" y="2657443"/>
        <a:ext cx="2382862" cy="507269"/>
      </dsp:txXfrm>
    </dsp:sp>
    <dsp:sp modelId="{759576AB-97BA-4756-B2C6-4A6BC2B7F0C0}">
      <dsp:nvSpPr>
        <dsp:cNvPr id="0" name=""/>
        <dsp:cNvSpPr/>
      </dsp:nvSpPr>
      <dsp:spPr>
        <a:xfrm>
          <a:off x="6791734" y="3263392"/>
          <a:ext cx="2414426" cy="538833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479810"/>
            <a:satOff val="-33618"/>
            <a:lumOff val="2933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nver, CO</a:t>
          </a:r>
          <a:endParaRPr lang="en-US" sz="1900" b="1" kern="1200" dirty="0"/>
        </a:p>
      </dsp:txBody>
      <dsp:txXfrm>
        <a:off x="6807516" y="3279174"/>
        <a:ext cx="2382862" cy="507269"/>
      </dsp:txXfrm>
    </dsp:sp>
    <dsp:sp modelId="{42C8369F-7602-4A7A-9A3A-CD7B928D117A}">
      <dsp:nvSpPr>
        <dsp:cNvPr id="0" name=""/>
        <dsp:cNvSpPr/>
      </dsp:nvSpPr>
      <dsp:spPr>
        <a:xfrm>
          <a:off x="6791734" y="3885123"/>
          <a:ext cx="2414426" cy="538833"/>
        </a:xfrm>
        <a:prstGeom prst="roundRect">
          <a:avLst>
            <a:gd name="adj" fmla="val 10000"/>
          </a:avLst>
        </a:prstGeom>
        <a:solidFill>
          <a:schemeClr val="accent3">
            <a:shade val="50000"/>
            <a:hueOff val="239905"/>
            <a:satOff val="-16809"/>
            <a:lumOff val="1466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as Vegas, NV</a:t>
          </a:r>
          <a:endParaRPr lang="en-US" sz="1900" b="1" kern="1200" dirty="0"/>
        </a:p>
      </dsp:txBody>
      <dsp:txXfrm>
        <a:off x="6807516" y="3900905"/>
        <a:ext cx="2382862" cy="50726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4562" y="1569468"/>
          <a:ext cx="3939751" cy="34187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939"/>
              </a:lnTo>
              <a:lnTo>
                <a:pt x="3939751" y="170939"/>
              </a:lnTo>
              <a:lnTo>
                <a:pt x="3939751" y="34187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4562" y="1569468"/>
          <a:ext cx="1969875" cy="34187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939"/>
              </a:lnTo>
              <a:lnTo>
                <a:pt x="1969875" y="170939"/>
              </a:lnTo>
              <a:lnTo>
                <a:pt x="1969875" y="34187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8842" y="1569468"/>
          <a:ext cx="91440" cy="341879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87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4686" y="1569468"/>
          <a:ext cx="1969875" cy="341879"/>
        </a:xfrm>
        <a:custGeom>
          <a:avLst/>
          <a:gdLst/>
          <a:ahLst/>
          <a:cxnLst/>
          <a:rect l="0" t="0" r="0" b="0"/>
          <a:pathLst>
            <a:path>
              <a:moveTo>
                <a:pt x="1969875" y="0"/>
              </a:moveTo>
              <a:lnTo>
                <a:pt x="1969875" y="170939"/>
              </a:lnTo>
              <a:lnTo>
                <a:pt x="0" y="170939"/>
              </a:lnTo>
              <a:lnTo>
                <a:pt x="0" y="34187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810" y="1569468"/>
          <a:ext cx="3939751" cy="341879"/>
        </a:xfrm>
        <a:custGeom>
          <a:avLst/>
          <a:gdLst/>
          <a:ahLst/>
          <a:cxnLst/>
          <a:rect l="0" t="0" r="0" b="0"/>
          <a:pathLst>
            <a:path>
              <a:moveTo>
                <a:pt x="3939751" y="0"/>
              </a:moveTo>
              <a:lnTo>
                <a:pt x="3939751" y="170939"/>
              </a:lnTo>
              <a:lnTo>
                <a:pt x="0" y="170939"/>
              </a:lnTo>
              <a:lnTo>
                <a:pt x="0" y="341879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40564" y="755470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Roney</a:t>
          </a:r>
          <a:r>
            <a:rPr lang="en-US" sz="1800" kern="1200" dirty="0" smtClean="0"/>
            <a:t> </a:t>
          </a:r>
          <a:r>
            <a:rPr lang="en-US" sz="1800" kern="1200" dirty="0" err="1" smtClean="0"/>
            <a:t>Whonshevins</a:t>
          </a:r>
          <a:r>
            <a:rPr lang="en-US" sz="1800" kern="1200" dirty="0" smtClean="0"/>
            <a:t> Project Lead</a:t>
          </a:r>
          <a:endParaRPr lang="en-US" sz="1800" kern="1200" dirty="0"/>
        </a:p>
      </dsp:txBody>
      <dsp:txXfrm>
        <a:off x="3940564" y="755470"/>
        <a:ext cx="1627996" cy="813998"/>
      </dsp:txXfrm>
    </dsp:sp>
    <dsp:sp modelId="{7174A553-29A2-4360-80CF-40A80BE1E5E1}">
      <dsp:nvSpPr>
        <dsp:cNvPr id="0" name=""/>
        <dsp:cNvSpPr/>
      </dsp:nvSpPr>
      <dsp:spPr>
        <a:xfrm>
          <a:off x="812" y="1911347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cob Wagner Software Developer</a:t>
          </a:r>
          <a:endParaRPr lang="en-US" sz="1800" kern="1200" dirty="0"/>
        </a:p>
      </dsp:txBody>
      <dsp:txXfrm>
        <a:off x="812" y="1911347"/>
        <a:ext cx="1627996" cy="813998"/>
      </dsp:txXfrm>
    </dsp:sp>
    <dsp:sp modelId="{08335018-97AA-460E-A117-81DBA3DD3BA6}">
      <dsp:nvSpPr>
        <dsp:cNvPr id="0" name=""/>
        <dsp:cNvSpPr/>
      </dsp:nvSpPr>
      <dsp:spPr>
        <a:xfrm>
          <a:off x="1970688" y="1911347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dan </a:t>
          </a:r>
          <a:r>
            <a:rPr lang="en-US" sz="1800" kern="1200" dirty="0" err="1" smtClean="0"/>
            <a:t>Maxamed</a:t>
          </a:r>
          <a:r>
            <a:rPr lang="en-US" sz="1800" kern="1200" dirty="0" smtClean="0"/>
            <a:t> Software Developer</a:t>
          </a:r>
          <a:endParaRPr lang="en-US" sz="1800" kern="1200" dirty="0"/>
        </a:p>
      </dsp:txBody>
      <dsp:txXfrm>
        <a:off x="1970688" y="1911347"/>
        <a:ext cx="1627996" cy="813998"/>
      </dsp:txXfrm>
    </dsp:sp>
    <dsp:sp modelId="{57DA3771-BFCF-450F-AC08-0C13953670E4}">
      <dsp:nvSpPr>
        <dsp:cNvPr id="0" name=""/>
        <dsp:cNvSpPr/>
      </dsp:nvSpPr>
      <dsp:spPr>
        <a:xfrm>
          <a:off x="3940564" y="1911347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mes Leahy Web Developer</a:t>
          </a:r>
          <a:endParaRPr lang="en-US" sz="1800" kern="1200" dirty="0"/>
        </a:p>
      </dsp:txBody>
      <dsp:txXfrm>
        <a:off x="3940564" y="1911347"/>
        <a:ext cx="1627996" cy="813998"/>
      </dsp:txXfrm>
    </dsp:sp>
    <dsp:sp modelId="{95F76DE9-F993-4C08-8EB9-2BBE7C2B73FA}">
      <dsp:nvSpPr>
        <dsp:cNvPr id="0" name=""/>
        <dsp:cNvSpPr/>
      </dsp:nvSpPr>
      <dsp:spPr>
        <a:xfrm>
          <a:off x="5910440" y="1911347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Guy </a:t>
          </a:r>
          <a:r>
            <a:rPr lang="en-US" sz="1800" kern="1200" dirty="0" err="1" smtClean="0"/>
            <a:t>Banaga</a:t>
          </a:r>
          <a:r>
            <a:rPr lang="en-US" sz="1800" kern="1200" dirty="0" smtClean="0"/>
            <a:t> Network Engineer</a:t>
          </a:r>
          <a:endParaRPr lang="en-US" sz="1800" kern="1200" dirty="0"/>
        </a:p>
      </dsp:txBody>
      <dsp:txXfrm>
        <a:off x="5910440" y="1911347"/>
        <a:ext cx="1627996" cy="813998"/>
      </dsp:txXfrm>
    </dsp:sp>
    <dsp:sp modelId="{931BDEED-7C24-44A9-8AA6-DFC70DC799DC}">
      <dsp:nvSpPr>
        <dsp:cNvPr id="0" name=""/>
        <dsp:cNvSpPr/>
      </dsp:nvSpPr>
      <dsp:spPr>
        <a:xfrm>
          <a:off x="7880315" y="1911347"/>
          <a:ext cx="1627996" cy="81399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ndrew Butts Network Engineer</a:t>
          </a:r>
          <a:endParaRPr lang="en-US" sz="1800" kern="1200" dirty="0"/>
        </a:p>
      </dsp:txBody>
      <dsp:txXfrm>
        <a:off x="7880315" y="1911347"/>
        <a:ext cx="1627996" cy="81399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9/13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9/13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dirty="0"/>
              <a:t>Click to edit Master text styles</a:t>
            </a:r>
          </a:p>
          <a:p>
            <a:pPr lvl="1"/>
            <a:r>
              <a:rPr dirty="0"/>
              <a:t>Second level</a:t>
            </a:r>
          </a:p>
          <a:p>
            <a:pPr lvl="2"/>
            <a:r>
              <a:rPr dirty="0"/>
              <a:t>Third level</a:t>
            </a:r>
          </a:p>
          <a:p>
            <a:pPr lvl="3"/>
            <a:r>
              <a:rPr dirty="0"/>
              <a:t>Fourth level</a:t>
            </a:r>
          </a:p>
          <a:p>
            <a:pPr lvl="4"/>
            <a:r>
              <a:rPr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84147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51" y="0"/>
            <a:ext cx="12188699" cy="4799300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 bwMode="ltGray">
          <a:xfrm>
            <a:off x="-2" y="4754880"/>
            <a:ext cx="12192002" cy="210312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Euphemia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 bwMode="white">
          <a:xfrm>
            <a:off x="-127" y="4724400"/>
            <a:ext cx="12188826" cy="762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3999" y="4800600"/>
            <a:ext cx="9144002" cy="1143000"/>
          </a:xfrm>
        </p:spPr>
        <p:txBody>
          <a:bodyPr anchor="b">
            <a:normAutofit/>
          </a:bodyPr>
          <a:lstStyle>
            <a:lvl1pPr algn="ct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2413" y="5943600"/>
            <a:ext cx="9144002" cy="7620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Alternate 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ltGray">
          <a:xfrm>
            <a:off x="0" y="0"/>
            <a:ext cx="4873752" cy="68580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Euphemia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2362200"/>
            <a:ext cx="3200400" cy="1990725"/>
          </a:xfrm>
        </p:spPr>
        <p:txBody>
          <a:bodyPr anchor="b">
            <a:normAutofit/>
          </a:bodyPr>
          <a:lstStyle>
            <a:lvl1pPr>
              <a:defRPr sz="3400" b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62892" y="685800"/>
            <a:ext cx="6370320" cy="5486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0412" y="4367308"/>
            <a:ext cx="3200400" cy="1622012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E583DDF-CA54-461A-A486-592D2374C532}" type="datetimeFigureOut">
              <a:rPr lang="en-US"/>
              <a:pPr/>
              <a:t>9/13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769307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ltGray">
          <a:xfrm>
            <a:off x="7315200" y="0"/>
            <a:ext cx="4873752" cy="68580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Euphemia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3214" y="2362200"/>
            <a:ext cx="3200400" cy="1993392"/>
          </a:xfrm>
        </p:spPr>
        <p:txBody>
          <a:bodyPr anchor="b">
            <a:normAutofit/>
          </a:bodyPr>
          <a:lstStyle>
            <a:lvl1pPr>
              <a:defRPr sz="3400" b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0" y="0"/>
            <a:ext cx="7315200" cy="6858000"/>
          </a:xfrm>
          <a:solidFill>
            <a:schemeClr val="bg2">
              <a:lumMod val="90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2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3214" y="4355592"/>
            <a:ext cx="3200400" cy="1644614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6pPr>
              <a:defRPr/>
            </a:lvl6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ltGray">
          <a:xfrm>
            <a:off x="0" y="0"/>
            <a:ext cx="12188826" cy="4572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R="0" lv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b="0" i="0" u="none" strike="noStrike" kern="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Euphemia"/>
            </a:endParaRPr>
          </a:p>
        </p:txBody>
      </p:sp>
      <p:sp>
        <p:nvSpPr>
          <p:cNvPr id="8" name="Rectangle 7"/>
          <p:cNvSpPr/>
          <p:nvPr/>
        </p:nvSpPr>
        <p:spPr bwMode="white">
          <a:xfrm>
            <a:off x="-1" y="411480"/>
            <a:ext cx="12188826" cy="457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143000"/>
            <a:ext cx="9144000" cy="2667000"/>
          </a:xfrm>
        </p:spPr>
        <p:txBody>
          <a:bodyPr anchor="b">
            <a:normAutofit/>
          </a:bodyPr>
          <a:lstStyle>
            <a:lvl1pPr algn="ctr">
              <a:defRPr sz="52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4000" y="3810000"/>
            <a:ext cx="9144000" cy="1143000"/>
          </a:xfr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lternate Section Header"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143000"/>
            <a:ext cx="9144000" cy="2667000"/>
          </a:xfrm>
        </p:spPr>
        <p:txBody>
          <a:bodyPr anchor="b">
            <a:normAutofit/>
          </a:bodyPr>
          <a:lstStyle>
            <a:lvl1pPr algn="ctr">
              <a:defRPr sz="5200" b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413" y="3810000"/>
            <a:ext cx="9144000" cy="1143000"/>
          </a:xfr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none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E583DDF-CA54-461A-A486-592D2374C532}" type="datetimeFigureOut">
              <a:rPr lang="en-US"/>
              <a:pPr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8043280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901952"/>
            <a:ext cx="4572000" cy="412394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901952"/>
            <a:ext cx="4572000" cy="412394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D7D43D-6574-4C7B-808D-C6C12215A4D4}" type="datetimeFigureOut">
              <a:rPr lang="en-US"/>
              <a:t>9/13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CE5F2-81AA-4605-B028-6FBA391056AF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117078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6344"/>
            <a:ext cx="9509760" cy="123444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837464"/>
            <a:ext cx="4572000" cy="766588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200" b="0" cap="none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740732"/>
            <a:ext cx="4572000" cy="328884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837464"/>
            <a:ext cx="4572000" cy="766588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200" b="0" cap="none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740732"/>
            <a:ext cx="4572000" cy="328884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E583DDF-CA54-461A-A486-592D2374C532}" type="datetimeFigureOut">
              <a:rPr lang="en-US"/>
              <a:pPr/>
              <a:t>9/13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2362200"/>
            <a:ext cx="3200400" cy="1990725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94212" y="685800"/>
            <a:ext cx="7239001" cy="5486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0412" y="4367308"/>
            <a:ext cx="3200400" cy="1622012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en-US"/>
              <a:t>9/13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ltGray">
          <a:xfrm>
            <a:off x="1587" y="6583680"/>
            <a:ext cx="12188826" cy="27432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R="0" lv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b="0" i="0" u="none" strike="noStrike" kern="0" cap="none" spc="0" normalizeH="0" baseline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Euphemia"/>
            </a:endParaRPr>
          </a:p>
        </p:txBody>
      </p:sp>
      <p:sp>
        <p:nvSpPr>
          <p:cNvPr id="8" name="Rectangle 7"/>
          <p:cNvSpPr/>
          <p:nvPr/>
        </p:nvSpPr>
        <p:spPr bwMode="white">
          <a:xfrm>
            <a:off x="1587" y="6583680"/>
            <a:ext cx="12188826" cy="457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123342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901952"/>
            <a:ext cx="9509760" cy="412762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601968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bg2"/>
                </a:solidFill>
              </a:defRPr>
            </a:lvl1pPr>
          </a:lstStyle>
          <a:p>
            <a:fld id="{9E583DDF-CA54-461A-A486-592D2374C532}" type="datetimeFigureOut">
              <a:rPr lang="en-US"/>
              <a:pPr/>
              <a:t>9/13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601968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bg2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601968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bg2"/>
                </a:solidFill>
              </a:defRPr>
            </a:lvl1pPr>
          </a:lstStyle>
          <a:p>
            <a:fld id="{CA8D9AD5-F248-4919-864A-CFD76CC027D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2" r:id="rId4"/>
    <p:sldLayoutId id="2147483661" r:id="rId5"/>
    <p:sldLayoutId id="2147483653" r:id="rId6"/>
    <p:sldLayoutId id="2147483654" r:id="rId7"/>
    <p:sldLayoutId id="2147483655" r:id="rId8"/>
    <p:sldLayoutId id="2147483656" r:id="rId9"/>
    <p:sldLayoutId id="2147483663" r:id="rId10"/>
    <p:sldLayoutId id="2147483657" r:id="rId11"/>
    <p:sldLayoutId id="2147483658" r:id="rId12"/>
    <p:sldLayoutId id="2147483659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2">
              <a:lumMod val="7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2"/>
        </a:buClr>
        <a:buSzPct val="80000"/>
        <a:buFont typeface="Wingdings" pitchFamily="2" charset="2"/>
        <a:buChar char="§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80000"/>
        <a:buFont typeface="Wingdings" pitchFamily="2" charset="2"/>
        <a:buChar char="§"/>
        <a:defRPr sz="1800" kern="1200">
          <a:solidFill>
            <a:schemeClr val="tx2"/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80000"/>
        <a:buFont typeface="Wingdings" pitchFamily="2" charset="2"/>
        <a:buChar char="§"/>
        <a:defRPr sz="1600" kern="1200">
          <a:solidFill>
            <a:schemeClr val="tx2"/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80000"/>
        <a:buFont typeface="Wingdings" pitchFamily="2" charset="2"/>
        <a:buChar char="§"/>
        <a:defRPr sz="1400" kern="1200">
          <a:solidFill>
            <a:schemeClr val="tx2"/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80000"/>
        <a:buFont typeface="Wingdings" pitchFamily="2" charset="2"/>
        <a:buChar char="§"/>
        <a:defRPr sz="1400" kern="1200">
          <a:solidFill>
            <a:schemeClr val="tx2"/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SzPct val="80000"/>
        <a:buFont typeface="Wingdings" pitchFamily="2" charset="2"/>
        <a:buChar char="§"/>
        <a:defRPr sz="1400" kern="1200">
          <a:solidFill>
            <a:schemeClr val="tx2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SzPct val="80000"/>
        <a:buFont typeface="Wingdings" pitchFamily="2" charset="2"/>
        <a:buChar char="§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SzPct val="80000"/>
        <a:buFont typeface="Wingdings" pitchFamily="2" charset="2"/>
        <a:buChar char="§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SzPct val="80000"/>
        <a:buFont typeface="Wingdings" pitchFamily="2" charset="2"/>
        <a:buChar char="§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360">
          <p15:clr>
            <a:srgbClr val="F26B43"/>
          </p15:clr>
        </p15:guide>
        <p15:guide id="2" pos="404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8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210.xml"/><Relationship Id="rId2" Type="http://schemas.openxmlformats.org/officeDocument/2006/relationships/tags" Target="../tags/tag209.xml"/><Relationship Id="rId1" Type="http://schemas.openxmlformats.org/officeDocument/2006/relationships/tags" Target="../tags/tag208.xml"/><Relationship Id="rId4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Ever Health Technology Plan</a:t>
            </a:r>
            <a:endParaRPr lang="en-US" dirty="0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Presented by: Eagle Consult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8093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599440"/>
          </a:xfrm>
        </p:spPr>
        <p:txBody>
          <a:bodyPr>
            <a:noAutofit/>
          </a:bodyPr>
          <a:lstStyle/>
          <a:p>
            <a:r>
              <a:rPr lang="en-US" sz="4000" b="1" dirty="0" smtClean="0"/>
              <a:t>THE COST</a:t>
            </a:r>
            <a:endParaRPr 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295400"/>
            <a:ext cx="9509760" cy="4734179"/>
          </a:xfrm>
        </p:spPr>
        <p:txBody>
          <a:bodyPr>
            <a:noAutofit/>
          </a:bodyPr>
          <a:lstStyle/>
          <a:p>
            <a:r>
              <a:rPr lang="en-US" sz="3200" dirty="0" smtClean="0"/>
              <a:t>Ability </a:t>
            </a:r>
            <a:r>
              <a:rPr lang="en-US" sz="3200" dirty="0"/>
              <a:t>to maintain and handle member information has become increasingly </a:t>
            </a:r>
            <a:r>
              <a:rPr lang="en-US" sz="3200" dirty="0" smtClean="0"/>
              <a:t>haphazard</a:t>
            </a:r>
          </a:p>
          <a:p>
            <a:r>
              <a:rPr lang="en-US" sz="3200" dirty="0" smtClean="0"/>
              <a:t>Improper charges to cancelled or duplicate members costs time and money to repair</a:t>
            </a:r>
          </a:p>
          <a:p>
            <a:r>
              <a:rPr lang="en-US" sz="3200" dirty="0" smtClean="0"/>
              <a:t>In </a:t>
            </a:r>
            <a:r>
              <a:rPr lang="en-US" sz="3200" dirty="0"/>
              <a:t>the past </a:t>
            </a:r>
            <a:r>
              <a:rPr lang="en-US" sz="3200" dirty="0" smtClean="0"/>
              <a:t>2 years </a:t>
            </a:r>
            <a:r>
              <a:rPr lang="en-US" sz="3200" dirty="0"/>
              <a:t>they have seen </a:t>
            </a:r>
            <a:r>
              <a:rPr lang="en-US" sz="3200" dirty="0" smtClean="0"/>
              <a:t>a </a:t>
            </a:r>
            <a:r>
              <a:rPr lang="en-US" sz="3200" dirty="0"/>
              <a:t>30</a:t>
            </a:r>
            <a:r>
              <a:rPr lang="en-US" sz="3200" dirty="0" smtClean="0"/>
              <a:t>% drop </a:t>
            </a:r>
            <a:r>
              <a:rPr lang="en-US" sz="3200" dirty="0"/>
              <a:t>in customer membership renewal state-wide, resulting in a total loss of over $</a:t>
            </a:r>
            <a:r>
              <a:rPr lang="en-US" sz="3200" dirty="0" smtClean="0"/>
              <a:t>1,000,000  </a:t>
            </a:r>
          </a:p>
          <a:p>
            <a:r>
              <a:rPr lang="en-US" sz="3200" dirty="0" smtClean="0"/>
              <a:t>Overall customer satisfaction has decreased  20% due to difficulties signing in to gyms and  customers having to deal with duplicate or misinformed records 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438927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599440"/>
          </a:xfrm>
        </p:spPr>
        <p:txBody>
          <a:bodyPr/>
          <a:lstStyle/>
          <a:p>
            <a:r>
              <a:rPr lang="en-US" b="1" dirty="0" smtClean="0"/>
              <a:t>THE SOLUTION/ DELIVERABLES </a:t>
            </a:r>
            <a:endParaRPr lang="en-US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371600"/>
            <a:ext cx="9509760" cy="4657979"/>
          </a:xfrm>
        </p:spPr>
        <p:txBody>
          <a:bodyPr>
            <a:normAutofit/>
          </a:bodyPr>
          <a:lstStyle/>
          <a:p>
            <a:pPr marL="502920" indent="-457200">
              <a:buFont typeface="+mj-lt"/>
              <a:buAutoNum type="arabicPeriod"/>
            </a:pPr>
            <a:r>
              <a:rPr lang="en-US" sz="2400" dirty="0" smtClean="0"/>
              <a:t>A centralized Database:</a:t>
            </a:r>
          </a:p>
          <a:p>
            <a:pPr marL="365760" lvl="1" indent="0">
              <a:buNone/>
            </a:pPr>
            <a:r>
              <a:rPr lang="en-US" sz="2000" dirty="0" smtClean="0"/>
              <a:t>1.1	Shared </a:t>
            </a:r>
            <a:r>
              <a:rPr lang="en-US" sz="2000" dirty="0" smtClean="0"/>
              <a:t>across all gym locations</a:t>
            </a:r>
          </a:p>
          <a:p>
            <a:pPr marL="365760" lvl="1" indent="0">
              <a:buNone/>
            </a:pPr>
            <a:r>
              <a:rPr lang="en-US" sz="2000" dirty="0" smtClean="0"/>
              <a:t>1.2	With </a:t>
            </a:r>
            <a:r>
              <a:rPr lang="en-US" sz="2000" dirty="0" smtClean="0"/>
              <a:t>all appropriate documentation</a:t>
            </a:r>
          </a:p>
          <a:p>
            <a:pPr marL="502920" indent="-457200">
              <a:buFont typeface="+mj-lt"/>
              <a:buAutoNum type="arabicPeriod"/>
            </a:pPr>
            <a:r>
              <a:rPr lang="en-US" sz="2400" dirty="0" smtClean="0"/>
              <a:t>A redesigned and fully functional website:</a:t>
            </a:r>
          </a:p>
          <a:p>
            <a:pPr marL="365760" lvl="1" indent="0">
              <a:buNone/>
            </a:pPr>
            <a:r>
              <a:rPr lang="en-US" sz="2000" dirty="0" smtClean="0"/>
              <a:t>2.1	Add </a:t>
            </a:r>
            <a:r>
              <a:rPr lang="en-US" sz="2000" dirty="0" smtClean="0"/>
              <a:t>functionality that allows customers to  create, renew, update, or cancel </a:t>
            </a:r>
            <a:r>
              <a:rPr lang="en-US" sz="2000" dirty="0" smtClean="0"/>
              <a:t>	their </a:t>
            </a:r>
            <a:r>
              <a:rPr lang="en-US" sz="2000" dirty="0" smtClean="0"/>
              <a:t>membership</a:t>
            </a:r>
          </a:p>
          <a:p>
            <a:pPr marL="365760" lvl="1" indent="0">
              <a:buNone/>
            </a:pPr>
            <a:r>
              <a:rPr lang="en-US" sz="2000" dirty="0" smtClean="0"/>
              <a:t>2.2	Connected </a:t>
            </a:r>
            <a:r>
              <a:rPr lang="en-US" sz="2000" dirty="0" smtClean="0"/>
              <a:t>directly to the database</a:t>
            </a:r>
            <a:endParaRPr lang="en-US" sz="2000" dirty="0"/>
          </a:p>
          <a:p>
            <a:pPr marL="388620" indent="-342900">
              <a:buFont typeface="+mj-lt"/>
              <a:buAutoNum type="arabicPeriod"/>
            </a:pPr>
            <a:r>
              <a:rPr lang="en-US" sz="2400" dirty="0" smtClean="0"/>
              <a:t>A Front end Interface:</a:t>
            </a:r>
          </a:p>
          <a:p>
            <a:pPr marL="365760" lvl="1" indent="0">
              <a:buNone/>
            </a:pPr>
            <a:r>
              <a:rPr lang="en-US" sz="2000" dirty="0" smtClean="0"/>
              <a:t>3.1 	Properly </a:t>
            </a:r>
            <a:r>
              <a:rPr lang="en-US" sz="2000" dirty="0" smtClean="0"/>
              <a:t>documented and useable by all employees</a:t>
            </a:r>
          </a:p>
          <a:p>
            <a:pPr marL="365760" lvl="1" indent="0">
              <a:buNone/>
            </a:pPr>
            <a:r>
              <a:rPr lang="en-US" sz="2000" dirty="0" smtClean="0"/>
              <a:t>3.2 	Capable </a:t>
            </a:r>
            <a:r>
              <a:rPr lang="en-US" sz="2000" dirty="0" smtClean="0"/>
              <a:t>of pulling and updating information from the database</a:t>
            </a:r>
          </a:p>
        </p:txBody>
      </p:sp>
    </p:spTree>
    <p:extLst>
      <p:ext uri="{BB962C8B-B14F-4D97-AF65-F5344CB8AC3E}">
        <p14:creationId xmlns:p14="http://schemas.microsoft.com/office/powerpoint/2010/main" val="37658659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751840"/>
          </a:xfrm>
        </p:spPr>
        <p:txBody>
          <a:bodyPr/>
          <a:lstStyle/>
          <a:p>
            <a:r>
              <a:rPr lang="en-US" dirty="0" smtClean="0"/>
              <a:t>PERIPHERAL DELIVERABL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524000"/>
            <a:ext cx="9509760" cy="4505579"/>
          </a:xfrm>
        </p:spPr>
        <p:txBody>
          <a:bodyPr>
            <a:normAutofit/>
          </a:bodyPr>
          <a:lstStyle/>
          <a:p>
            <a:r>
              <a:rPr lang="en-US" dirty="0" smtClean="0"/>
              <a:t>An accounting system capable of  monitoring:</a:t>
            </a:r>
          </a:p>
          <a:p>
            <a:pPr marL="365760" lvl="1" indent="0">
              <a:buNone/>
            </a:pPr>
            <a:r>
              <a:rPr lang="en-US" dirty="0" smtClean="0"/>
              <a:t>A.  General </a:t>
            </a:r>
            <a:r>
              <a:rPr lang="en-US" dirty="0" smtClean="0"/>
              <a:t>Ledger</a:t>
            </a:r>
          </a:p>
          <a:p>
            <a:pPr marL="365760" lvl="1" indent="0">
              <a:buNone/>
            </a:pPr>
            <a:r>
              <a:rPr lang="en-US" dirty="0"/>
              <a:t>B</a:t>
            </a:r>
            <a:r>
              <a:rPr lang="en-US" dirty="0" smtClean="0"/>
              <a:t>.  Accounts Receivable/Payable</a:t>
            </a:r>
          </a:p>
          <a:p>
            <a:pPr marL="365760" lvl="1" indent="0">
              <a:buNone/>
            </a:pPr>
            <a:r>
              <a:rPr lang="en-US" dirty="0" smtClean="0"/>
              <a:t>C. </a:t>
            </a:r>
            <a:r>
              <a:rPr lang="en-US" dirty="0" smtClean="0"/>
              <a:t>Balance Sheet, Profit/Loss Statements</a:t>
            </a:r>
          </a:p>
          <a:p>
            <a:r>
              <a:rPr lang="en-US" dirty="0" smtClean="0"/>
              <a:t>Regular updates and reports on System development</a:t>
            </a:r>
          </a:p>
          <a:p>
            <a:r>
              <a:rPr lang="en-US" dirty="0" smtClean="0"/>
              <a:t>Database</a:t>
            </a:r>
            <a:r>
              <a:rPr lang="en-US" dirty="0" smtClean="0"/>
              <a:t>, website, and network systems monitoring to ensure </a:t>
            </a:r>
            <a:r>
              <a:rPr lang="en-US" dirty="0" smtClean="0"/>
              <a:t>functionality</a:t>
            </a:r>
            <a:endParaRPr lang="en-US" dirty="0" smtClean="0"/>
          </a:p>
          <a:p>
            <a:r>
              <a:rPr lang="en-US" dirty="0" smtClean="0"/>
              <a:t>Develop and streamline system manual/training to ensure staff learn and understand the system</a:t>
            </a:r>
          </a:p>
          <a:p>
            <a:r>
              <a:rPr lang="en-US" dirty="0" smtClean="0"/>
              <a:t>Cost/Benefit Analysis</a:t>
            </a:r>
          </a:p>
          <a:p>
            <a:r>
              <a:rPr lang="en-US" dirty="0" smtClean="0"/>
              <a:t>Back up and Disaster Recovery plan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455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599440"/>
          </a:xfrm>
        </p:spPr>
        <p:txBody>
          <a:bodyPr/>
          <a:lstStyle/>
          <a:p>
            <a:r>
              <a:rPr lang="en-US" b="1" dirty="0" smtClean="0"/>
              <a:t>Project Completion</a:t>
            </a:r>
            <a:endParaRPr lang="en-US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295400"/>
            <a:ext cx="9509760" cy="4734179"/>
          </a:xfrm>
        </p:spPr>
        <p:txBody>
          <a:bodyPr/>
          <a:lstStyle/>
          <a:p>
            <a:r>
              <a:rPr lang="en-US" sz="2400" dirty="0" smtClean="0"/>
              <a:t>Expected completion date: December 13</a:t>
            </a:r>
            <a:r>
              <a:rPr lang="en-US" sz="2400" baseline="30000" dirty="0" smtClean="0"/>
              <a:t>th</a:t>
            </a:r>
            <a:r>
              <a:rPr lang="en-US" sz="2400" dirty="0" smtClean="0"/>
              <a:t>, 2016</a:t>
            </a:r>
          </a:p>
          <a:p>
            <a:r>
              <a:rPr lang="en-US" sz="2400" dirty="0" smtClean="0"/>
              <a:t>Upon Completion of this project, we expect to see:</a:t>
            </a:r>
          </a:p>
          <a:p>
            <a:pPr lvl="1"/>
            <a:r>
              <a:rPr lang="en-US" sz="2000" dirty="0" smtClean="0"/>
              <a:t>A 50% increase in overall customer satisfaction </a:t>
            </a:r>
          </a:p>
          <a:p>
            <a:pPr lvl="1"/>
            <a:r>
              <a:rPr lang="en-US" sz="2000" dirty="0" smtClean="0"/>
              <a:t>An 80% increase in customer retention resulting in substantial financial increase and reduced cost of management. Potential to see revenue between $500,000 to $800,000</a:t>
            </a:r>
          </a:p>
          <a:p>
            <a:pPr lvl="1"/>
            <a:r>
              <a:rPr lang="en-US" sz="2000" dirty="0" smtClean="0"/>
              <a:t>A 10% increase in Membership sign ups yearly due to website availability and customer satisfaction. Potentially 2,000 new customers bringing in $200,000 annually.</a:t>
            </a:r>
          </a:p>
          <a:p>
            <a:pPr lvl="1"/>
            <a:r>
              <a:rPr lang="en-US" sz="2000" dirty="0" smtClean="0"/>
              <a:t>A 10% in employee efficiency due to a streamlined system</a:t>
            </a:r>
          </a:p>
        </p:txBody>
      </p:sp>
    </p:spTree>
    <p:extLst>
      <p:ext uri="{BB962C8B-B14F-4D97-AF65-F5344CB8AC3E}">
        <p14:creationId xmlns:p14="http://schemas.microsoft.com/office/powerpoint/2010/main" val="15111453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Project Team Roles and Responsibilities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72552140"/>
              </p:ext>
            </p:extLst>
          </p:nvPr>
        </p:nvGraphicFramePr>
        <p:xfrm>
          <a:off x="1341438" y="1700785"/>
          <a:ext cx="9509125" cy="34808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5593154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0" y="27710"/>
            <a:ext cx="8839199" cy="6830290"/>
          </a:xfrm>
        </p:spPr>
      </p:pic>
      <p:sp>
        <p:nvSpPr>
          <p:cNvPr id="5" name="TextBox 4"/>
          <p:cNvSpPr txBox="1"/>
          <p:nvPr/>
        </p:nvSpPr>
        <p:spPr>
          <a:xfrm>
            <a:off x="7391400" y="762000"/>
            <a:ext cx="2362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/>
              <a:t>Overhead view of Implemented System</a:t>
            </a:r>
            <a:endParaRPr lang="en-US" sz="2400" dirty="0"/>
          </a:p>
        </p:txBody>
      </p:sp>
      <p:sp>
        <p:nvSpPr>
          <p:cNvPr id="2" name="Oval 1"/>
          <p:cNvSpPr/>
          <p:nvPr/>
        </p:nvSpPr>
        <p:spPr>
          <a:xfrm>
            <a:off x="5080958" y="2872596"/>
            <a:ext cx="1319842" cy="131840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BAS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3868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2961640"/>
          </a:xfrm>
        </p:spPr>
        <p:txBody>
          <a:bodyPr>
            <a:normAutofit/>
          </a:bodyPr>
          <a:lstStyle/>
          <a:p>
            <a:r>
              <a:rPr lang="en-US" sz="8000" b="1" u="sng" dirty="0"/>
              <a:t>Project </a:t>
            </a:r>
            <a:r>
              <a:rPr lang="en-US" sz="8000" b="1" u="sng" dirty="0" smtClean="0"/>
              <a:t>Schedule</a:t>
            </a:r>
            <a:endParaRPr lang="en-US" sz="8000" b="1" u="sng" dirty="0"/>
          </a:p>
        </p:txBody>
      </p:sp>
    </p:spTree>
    <p:extLst>
      <p:ext uri="{BB962C8B-B14F-4D97-AF65-F5344CB8AC3E}">
        <p14:creationId xmlns:p14="http://schemas.microsoft.com/office/powerpoint/2010/main" val="4147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7795" y="2095500"/>
            <a:ext cx="0" cy="1905000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8886" y="2095500"/>
            <a:ext cx="0" cy="1905000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6186" y="2095500"/>
            <a:ext cx="0" cy="16383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7277" y="2095500"/>
            <a:ext cx="0" cy="16383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4577" y="2095500"/>
            <a:ext cx="0" cy="13716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5668" y="2095500"/>
            <a:ext cx="0" cy="13716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2968" y="2095500"/>
            <a:ext cx="0" cy="11049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4059" y="2095500"/>
            <a:ext cx="0" cy="11049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1359" y="2095500"/>
            <a:ext cx="0" cy="8382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2450" y="2095500"/>
            <a:ext cx="0" cy="8382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9750" y="2095500"/>
            <a:ext cx="0" cy="5715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841" y="2095500"/>
            <a:ext cx="0" cy="5715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8141" y="2095500"/>
            <a:ext cx="0" cy="3048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9232" y="2095500"/>
            <a:ext cx="0" cy="3048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5077" y="4000500"/>
            <a:ext cx="75874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716" y="3733800"/>
            <a:ext cx="63652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905" y="3467100"/>
            <a:ext cx="51424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432" y="3200400"/>
            <a:ext cx="406227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6175" y="2933700"/>
            <a:ext cx="21799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60389" y="2667000"/>
            <a:ext cx="8841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321" y="2400300"/>
            <a:ext cx="4105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80495" y="1265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2540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17145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2095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2222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3065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1172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674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2781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6283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4390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7892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5999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9501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7608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31110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9217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2719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10826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4328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2745" y="1147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agles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sul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2745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5895" y="1265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882" y="22987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882" y="2298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5291" y="23227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7000" y="23150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4491" y="25654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4491" y="25654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4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6900" y="25894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7000" y="2581741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6100" y="28321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6100" y="2832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8509" y="28561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7000" y="284844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7709" y="30988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7709" y="30988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10118" y="312288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7000" y="311514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xcell 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9318" y="33655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9318" y="3365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81727" y="33895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7000" y="338184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30927" y="36322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30927" y="3632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3336" y="36562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7000" y="3648540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2536" y="38989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2536" y="3898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4945" y="39229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7000" y="391524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bsite Develop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009495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2000">
        <p15:prstTrans prst="fallOve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5648" y="4271857"/>
            <a:ext cx="0" cy="8716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50739" y="4271857"/>
            <a:ext cx="0" cy="8716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8039" y="4005157"/>
            <a:ext cx="0" cy="11383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7471" y="4005157"/>
            <a:ext cx="0" cy="11383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4771" y="3738457"/>
            <a:ext cx="0" cy="14050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4204" y="3738457"/>
            <a:ext cx="0" cy="14050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31504" y="3471757"/>
            <a:ext cx="0" cy="16717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90937" y="3471757"/>
            <a:ext cx="0" cy="16717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8237" y="3205057"/>
            <a:ext cx="0" cy="19384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7669" y="3205057"/>
            <a:ext cx="0" cy="19384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4969" y="2938357"/>
            <a:ext cx="0" cy="22051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4402" y="2938357"/>
            <a:ext cx="0" cy="22051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1702" y="2671657"/>
            <a:ext cx="0" cy="24718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1135" y="4090416"/>
            <a:ext cx="0" cy="1053084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1135" y="3823716"/>
            <a:ext cx="0" cy="9618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1135" y="3557016"/>
            <a:ext cx="0" cy="9618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1135" y="2671657"/>
            <a:ext cx="0" cy="71484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6013" y="4271857"/>
            <a:ext cx="92783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597" y="4005157"/>
            <a:ext cx="69625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597" y="3738457"/>
            <a:ext cx="55092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597" y="3471757"/>
            <a:ext cx="40559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365" y="3205057"/>
            <a:ext cx="374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307" y="2938357"/>
            <a:ext cx="190074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549" y="2671657"/>
            <a:ext cx="3792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50739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51435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51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565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3065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830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6333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6098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9600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936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2868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2632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6135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58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9403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91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2670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2989" y="4576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agles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sul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2989" y="4772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6139" y="4694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785" y="2570057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785" y="25700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0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852" y="2594144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7000" y="25863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8052" y="2836757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8052" y="28367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7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2119" y="28608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7000" y="285309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1319" y="31034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1319" y="31034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4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5387" y="312754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7000" y="311979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4587" y="33701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4587" y="33701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8654" y="339424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7000" y="33864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7854" y="36368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7854" y="36368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41921" y="36609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7000" y="36531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91121" y="39035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91121" y="39035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5189" y="39276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7000" y="39198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4389" y="4170257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4389" y="41702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2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2798" y="41943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7000" y="418659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058124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2000">
        <p15:prstTrans prst="fallOve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6929756"/>
              </p:ext>
            </p:extLst>
          </p:nvPr>
        </p:nvGraphicFramePr>
        <p:xfrm>
          <a:off x="609600" y="635000"/>
          <a:ext cx="9725216" cy="822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56763">
                  <a:extLst>
                    <a:ext uri="{9D8B030D-6E8A-4147-A177-3AD203B41FA5}">
                      <a16:colId xmlns:a16="http://schemas.microsoft.com/office/drawing/2014/main" xmlns="" val="2197856761"/>
                    </a:ext>
                  </a:extLst>
                </a:gridCol>
                <a:gridCol w="8768453">
                  <a:extLst>
                    <a:ext uri="{9D8B030D-6E8A-4147-A177-3AD203B41FA5}">
                      <a16:colId xmlns:a16="http://schemas.microsoft.com/office/drawing/2014/main" xmlns="" val="1739039356"/>
                    </a:ext>
                  </a:extLst>
                </a:gridCol>
              </a:tblGrid>
              <a:tr h="254000">
                <a:tc gridSpan="2">
                  <a:txBody>
                    <a:bodyPr/>
                    <a:lstStyle/>
                    <a:p>
                      <a:r>
                        <a:rPr lang="en-US" sz="1200" dirty="0"/>
                        <a:t>Milestone(s)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686439187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b="1"/>
                        <a:t>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79389643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/>
                        <a:t>12/12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Eagles </a:t>
                      </a:r>
                      <a:r>
                        <a:rPr lang="en-US" sz="1200" dirty="0" smtClean="0"/>
                        <a:t>Consulting</a:t>
                      </a:r>
                      <a:endParaRPr lang="en-US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56657522"/>
                  </a:ext>
                </a:extLst>
              </a:tr>
            </a:tbl>
          </a:graphicData>
        </a:graphic>
      </p:graphicFrame>
      <p:graphicFrame>
        <p:nvGraphicFramePr>
          <p:cNvPr id="3" name="Table 2"/>
          <p:cNvGraphicFramePr>
            <a:graphicFrameLocks noGrp="1"/>
          </p:cNvGraphicFramePr>
          <p:nvPr>
            <p:custDataLst>
              <p:tags r:id="rId2"/>
            </p:custDataLst>
            <p:extLst/>
          </p:nvPr>
        </p:nvGraphicFramePr>
        <p:xfrm>
          <a:off x="609600" y="1692613"/>
          <a:ext cx="9725216" cy="48832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8680">
                  <a:extLst>
                    <a:ext uri="{9D8B030D-6E8A-4147-A177-3AD203B41FA5}">
                      <a16:colId xmlns:a16="http://schemas.microsoft.com/office/drawing/2014/main" xmlns="" val="1601525868"/>
                    </a:ext>
                  </a:extLst>
                </a:gridCol>
                <a:gridCol w="986028">
                  <a:extLst>
                    <a:ext uri="{9D8B030D-6E8A-4147-A177-3AD203B41FA5}">
                      <a16:colId xmlns:a16="http://schemas.microsoft.com/office/drawing/2014/main" xmlns="" val="3026813537"/>
                    </a:ext>
                  </a:extLst>
                </a:gridCol>
                <a:gridCol w="921068">
                  <a:extLst>
                    <a:ext uri="{9D8B030D-6E8A-4147-A177-3AD203B41FA5}">
                      <a16:colId xmlns:a16="http://schemas.microsoft.com/office/drawing/2014/main" xmlns="" val="1569943109"/>
                    </a:ext>
                  </a:extLst>
                </a:gridCol>
                <a:gridCol w="6949440">
                  <a:extLst>
                    <a:ext uri="{9D8B030D-6E8A-4147-A177-3AD203B41FA5}">
                      <a16:colId xmlns:a16="http://schemas.microsoft.com/office/drawing/2014/main" xmlns="" val="3030932981"/>
                    </a:ext>
                  </a:extLst>
                </a:gridCol>
              </a:tblGrid>
              <a:tr h="459558">
                <a:tc gridSpan="3">
                  <a:txBody>
                    <a:bodyPr/>
                    <a:lstStyle/>
                    <a:p>
                      <a:r>
                        <a:rPr lang="en-US" sz="1200" dirty="0"/>
                        <a:t>Task(s)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36725634"/>
                  </a:ext>
                </a:extLst>
              </a:tr>
              <a:tr h="470610">
                <a:tc>
                  <a:txBody>
                    <a:bodyPr/>
                    <a:lstStyle/>
                    <a:p>
                      <a:r>
                        <a:rPr lang="en-US" sz="1200" b="1"/>
                        <a:t>Duration
(day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Start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End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423164986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1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19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sig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4328588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0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6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Creation of Financial Sys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248886988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7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0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Creation of Database Sy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538157359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04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0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Excell Integr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67603342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7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Business Docu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489331256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8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24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Advertising Material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583760790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25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3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Website Develop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21525804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7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Report Cre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567203969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8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14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Test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324638587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15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Trai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383624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2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8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velopment Part 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518155231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9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05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System Development Part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4807118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06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2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velopment Part 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562223978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Present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52655613"/>
                  </a:ext>
                </a:extLst>
              </a:tr>
            </a:tbl>
          </a:graphicData>
        </a:graphic>
      </p:graphicFrame>
      <p:sp>
        <p:nvSpPr>
          <p:cNvPr id="4" name="TextBox 3"/>
          <p:cNvSpPr txBox="1"/>
          <p:nvPr>
            <p:custDataLst>
              <p:tags r:id="rId3"/>
            </p:custDataLst>
          </p:nvPr>
        </p:nvSpPr>
        <p:spPr>
          <a:xfrm>
            <a:off x="609600" y="330200"/>
            <a:ext cx="5080000" cy="307777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en-US" sz="1400"/>
              <a:t>Timeline: 9/13/2016 - 12/12/2016</a:t>
            </a:r>
          </a:p>
        </p:txBody>
      </p:sp>
    </p:spTree>
    <p:extLst>
      <p:ext uri="{BB962C8B-B14F-4D97-AF65-F5344CB8AC3E}">
        <p14:creationId xmlns:p14="http://schemas.microsoft.com/office/powerpoint/2010/main" val="262189626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2000">
        <p15:prstTrans prst="fallOve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800" b="1" dirty="0"/>
              <a:t>EAGLE </a:t>
            </a:r>
            <a:r>
              <a:rPr lang="en-US" sz="4800" b="1" dirty="0" smtClean="0"/>
              <a:t>CONSULTING</a:t>
            </a:r>
            <a:br>
              <a:rPr lang="en-US" sz="4800" b="1" dirty="0" smtClean="0"/>
            </a:br>
            <a:r>
              <a:rPr lang="en-US" sz="3600" b="1" dirty="0" smtClean="0"/>
              <a:t>ABOUT </a:t>
            </a:r>
            <a:r>
              <a:rPr lang="en-US" sz="3600" b="1" dirty="0"/>
              <a:t>U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IT Consultancy and contracting agency for over 20 years</a:t>
            </a:r>
            <a:endParaRPr lang="en-US" sz="3200" dirty="0"/>
          </a:p>
          <a:p>
            <a:r>
              <a:rPr lang="en-US" sz="3200" dirty="0" smtClean="0"/>
              <a:t>Founded in 1995</a:t>
            </a:r>
          </a:p>
          <a:p>
            <a:r>
              <a:rPr lang="en-US" sz="3200" dirty="0" smtClean="0"/>
              <a:t>Goal </a:t>
            </a:r>
            <a:r>
              <a:rPr lang="en-US" sz="3200" dirty="0"/>
              <a:t>of assisting businesses in staying up to date with the technological world around </a:t>
            </a:r>
            <a:r>
              <a:rPr lang="en-US" sz="3200" dirty="0" smtClean="0"/>
              <a:t>them</a:t>
            </a:r>
          </a:p>
          <a:p>
            <a:r>
              <a:rPr lang="en-US" sz="3200" dirty="0" smtClean="0"/>
              <a:t>Acts as “Middle Man” for bringing close and personalized technology services to businesses in need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3097799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300" b="1" dirty="0"/>
              <a:t>EAGLE </a:t>
            </a:r>
            <a:r>
              <a:rPr lang="en-US" sz="4300" b="1" dirty="0" smtClean="0"/>
              <a:t>CONSULTING</a:t>
            </a:r>
            <a:br>
              <a:rPr lang="en-US" sz="4300" b="1" dirty="0" smtClean="0"/>
            </a:br>
            <a:r>
              <a:rPr lang="en-US" sz="3200" b="1" dirty="0" smtClean="0"/>
              <a:t>Mission</a:t>
            </a:r>
            <a:endParaRPr lang="en-US" sz="32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800" dirty="0" smtClean="0"/>
              <a:t>Simple mission: </a:t>
            </a:r>
            <a:r>
              <a:rPr lang="en-US" sz="2800" dirty="0"/>
              <a:t>stay up to date on current IT developments so that we may provide the most effective solution for your specific business </a:t>
            </a:r>
            <a:r>
              <a:rPr lang="en-US" sz="2800" dirty="0" smtClean="0"/>
              <a:t>needs</a:t>
            </a:r>
          </a:p>
          <a:p>
            <a:r>
              <a:rPr lang="en-US" sz="2800" dirty="0" smtClean="0"/>
              <a:t>Aim </a:t>
            </a:r>
            <a:r>
              <a:rPr lang="en-US" sz="2800" dirty="0"/>
              <a:t>to provide a fast, efficient, and most importantly effective IT </a:t>
            </a:r>
            <a:r>
              <a:rPr lang="en-US" sz="2800" dirty="0" smtClean="0"/>
              <a:t>answers</a:t>
            </a:r>
          </a:p>
          <a:p>
            <a:r>
              <a:rPr lang="en-US" sz="2800" dirty="0" smtClean="0"/>
              <a:t>Save </a:t>
            </a:r>
            <a:r>
              <a:rPr lang="en-US" sz="2800" dirty="0"/>
              <a:t>you time and </a:t>
            </a:r>
            <a:r>
              <a:rPr lang="en-US" sz="2800" dirty="0" smtClean="0"/>
              <a:t>money</a:t>
            </a:r>
          </a:p>
          <a:p>
            <a:r>
              <a:rPr lang="en-US" sz="2800" dirty="0" smtClean="0"/>
              <a:t>Have </a:t>
            </a:r>
            <a:r>
              <a:rPr lang="en-US" sz="2800" dirty="0"/>
              <a:t>a positive effect on the clientele you closely interact </a:t>
            </a:r>
            <a:r>
              <a:rPr lang="en-US" sz="2800" dirty="0" smtClean="0"/>
              <a:t>with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41409719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300" b="1" dirty="0"/>
              <a:t>EAGLE </a:t>
            </a:r>
            <a:r>
              <a:rPr lang="en-US" sz="4300" b="1" dirty="0" smtClean="0"/>
              <a:t>CONSULTING</a:t>
            </a:r>
            <a:br>
              <a:rPr lang="en-US" sz="4300" b="1" dirty="0" smtClean="0"/>
            </a:br>
            <a:r>
              <a:rPr lang="en-US" sz="3200" b="1" dirty="0" smtClean="0"/>
              <a:t>Vision</a:t>
            </a:r>
            <a:endParaRPr lang="en-US" sz="32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 smtClean="0"/>
              <a:t>Facilitate </a:t>
            </a:r>
            <a:r>
              <a:rPr lang="en-US" sz="3200" dirty="0"/>
              <a:t>an ever increasing amount of Information Technology </a:t>
            </a:r>
            <a:r>
              <a:rPr lang="en-US" sz="3200" dirty="0" smtClean="0"/>
              <a:t>Solutions</a:t>
            </a:r>
          </a:p>
          <a:p>
            <a:r>
              <a:rPr lang="en-US" sz="3200" dirty="0" smtClean="0"/>
              <a:t>Our </a:t>
            </a:r>
            <a:r>
              <a:rPr lang="en-US" sz="3200" dirty="0"/>
              <a:t>desire is to constantly learn and develop new </a:t>
            </a:r>
            <a:r>
              <a:rPr lang="en-US" sz="3200" dirty="0" smtClean="0"/>
              <a:t>techniques</a:t>
            </a:r>
          </a:p>
          <a:p>
            <a:r>
              <a:rPr lang="en-US" sz="3200" dirty="0" smtClean="0"/>
              <a:t>Aim </a:t>
            </a:r>
            <a:r>
              <a:rPr lang="en-US" sz="3200" dirty="0"/>
              <a:t>is to be the best at understanding what makes your company </a:t>
            </a:r>
            <a:r>
              <a:rPr lang="en-US" sz="3200" dirty="0" smtClean="0"/>
              <a:t>special</a:t>
            </a:r>
            <a:r>
              <a:rPr lang="en-US" sz="3200" dirty="0"/>
              <a:t> </a:t>
            </a:r>
            <a:r>
              <a:rPr lang="en-US" sz="3200" dirty="0" smtClean="0"/>
              <a:t>to provide the best </a:t>
            </a:r>
            <a:r>
              <a:rPr lang="en-US" sz="3200" dirty="0"/>
              <a:t>Information Technology solution for you!</a:t>
            </a:r>
          </a:p>
        </p:txBody>
      </p:sp>
    </p:spTree>
    <p:extLst>
      <p:ext uri="{BB962C8B-B14F-4D97-AF65-F5344CB8AC3E}">
        <p14:creationId xmlns:p14="http://schemas.microsoft.com/office/powerpoint/2010/main" val="6540430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599440"/>
          </a:xfrm>
        </p:spPr>
        <p:txBody>
          <a:bodyPr>
            <a:noAutofit/>
          </a:bodyPr>
          <a:lstStyle/>
          <a:p>
            <a:r>
              <a:rPr lang="en-US" sz="4300" b="1" dirty="0" smtClean="0"/>
              <a:t>EVER </a:t>
            </a:r>
            <a:r>
              <a:rPr lang="en-US" sz="4300" b="1" dirty="0" smtClean="0"/>
              <a:t>HEALTH </a:t>
            </a:r>
            <a:r>
              <a:rPr lang="en-US" sz="4300" b="1" dirty="0" smtClean="0"/>
              <a:t>FITNESS</a:t>
            </a:r>
            <a:endParaRPr lang="en-US" sz="43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600200"/>
            <a:ext cx="9509760" cy="4962779"/>
          </a:xfrm>
        </p:spPr>
        <p:txBody>
          <a:bodyPr>
            <a:normAutofit/>
          </a:bodyPr>
          <a:lstStyle/>
          <a:p>
            <a:r>
              <a:rPr lang="en-US" sz="2400" dirty="0" smtClean="0"/>
              <a:t>A chain </a:t>
            </a:r>
            <a:r>
              <a:rPr lang="en-US" sz="2400" dirty="0"/>
              <a:t>of fitness centers operating </a:t>
            </a:r>
            <a:r>
              <a:rPr lang="en-US" sz="2400" dirty="0" smtClean="0"/>
              <a:t>nationwide 24/7</a:t>
            </a:r>
            <a:endParaRPr lang="en-US" sz="2400" dirty="0" smtClean="0"/>
          </a:p>
          <a:p>
            <a:r>
              <a:rPr lang="en-US" sz="2400" dirty="0" smtClean="0"/>
              <a:t>In </a:t>
            </a:r>
            <a:r>
              <a:rPr lang="en-US" sz="2400" dirty="0"/>
              <a:t>1973 two retired coaches, </a:t>
            </a:r>
            <a:r>
              <a:rPr lang="en-US" sz="2400" dirty="0" smtClean="0"/>
              <a:t>Henry </a:t>
            </a:r>
            <a:r>
              <a:rPr lang="en-US" sz="2400" dirty="0"/>
              <a:t>Truman and Michael Hatch opened the first center in </a:t>
            </a:r>
            <a:r>
              <a:rPr lang="en-US" sz="2400" dirty="0" smtClean="0"/>
              <a:t>Columbus, </a:t>
            </a:r>
            <a:r>
              <a:rPr lang="en-US" sz="2400" dirty="0" smtClean="0"/>
              <a:t>Ohio</a:t>
            </a:r>
          </a:p>
          <a:p>
            <a:r>
              <a:rPr lang="en-US" sz="2400" dirty="0" smtClean="0"/>
              <a:t>Prides </a:t>
            </a:r>
            <a:r>
              <a:rPr lang="en-US" sz="2400" dirty="0" smtClean="0"/>
              <a:t>itself not only on equipment </a:t>
            </a:r>
            <a:r>
              <a:rPr lang="en-US" sz="2400" dirty="0"/>
              <a:t>and </a:t>
            </a:r>
            <a:r>
              <a:rPr lang="en-US" sz="2400" dirty="0" smtClean="0"/>
              <a:t>technology, </a:t>
            </a:r>
            <a:r>
              <a:rPr lang="en-US" sz="2400" dirty="0"/>
              <a:t>but also an </a:t>
            </a:r>
            <a:r>
              <a:rPr lang="en-US" sz="2400" dirty="0" smtClean="0"/>
              <a:t>amazing atmosphere, a </a:t>
            </a:r>
            <a:r>
              <a:rPr lang="en-US" sz="2400" dirty="0"/>
              <a:t>tradition </a:t>
            </a:r>
            <a:r>
              <a:rPr lang="en-US" sz="2400" dirty="0" smtClean="0"/>
              <a:t>of welcome, and unique experience found nowhere else</a:t>
            </a:r>
          </a:p>
          <a:p>
            <a:r>
              <a:rPr lang="en-US" sz="2400" dirty="0" smtClean="0"/>
              <a:t>Their corporate location currently operates out of Columbus, Ohio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4227871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3000" y="990600"/>
            <a:ext cx="9509760" cy="675640"/>
          </a:xfrm>
        </p:spPr>
        <p:txBody>
          <a:bodyPr>
            <a:noAutofit/>
          </a:bodyPr>
          <a:lstStyle/>
          <a:p>
            <a:r>
              <a:rPr lang="en-US" sz="4300" b="1" dirty="0" smtClean="0"/>
              <a:t>EVER HEALTH </a:t>
            </a:r>
            <a:r>
              <a:rPr lang="en-US" sz="4300" b="1" dirty="0" smtClean="0"/>
              <a:t> </a:t>
            </a:r>
            <a:br>
              <a:rPr lang="en-US" sz="4300" b="1" dirty="0" smtClean="0"/>
            </a:br>
            <a:r>
              <a:rPr lang="en-US" sz="3200" b="1" dirty="0" smtClean="0"/>
              <a:t>Mission Statement</a:t>
            </a:r>
            <a:endParaRPr lang="en-US" sz="32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2057400"/>
            <a:ext cx="9509760" cy="4581779"/>
          </a:xfrm>
        </p:spPr>
        <p:txBody>
          <a:bodyPr>
            <a:normAutofit/>
          </a:bodyPr>
          <a:lstStyle/>
          <a:p>
            <a:r>
              <a:rPr lang="en-US" sz="3600" dirty="0"/>
              <a:t>Our goal is to provide an environment that promotes accessibility to fitness equipment and knowledge to anyone that needs </a:t>
            </a:r>
            <a:r>
              <a:rPr lang="en-US" sz="3600" dirty="0" smtClean="0"/>
              <a:t>it</a:t>
            </a:r>
          </a:p>
          <a:p>
            <a:r>
              <a:rPr lang="en-US" sz="3600" dirty="0" smtClean="0"/>
              <a:t> </a:t>
            </a:r>
            <a:r>
              <a:rPr lang="en-US" sz="3600" dirty="0"/>
              <a:t>We aim to </a:t>
            </a:r>
            <a:r>
              <a:rPr lang="en-US" sz="3600" dirty="0" smtClean="0"/>
              <a:t>give you </a:t>
            </a:r>
            <a:r>
              <a:rPr lang="en-US" sz="3600" dirty="0"/>
              <a:t>the tools necessary to start and maintain a healthy </a:t>
            </a:r>
            <a:r>
              <a:rPr lang="en-US" sz="3600" dirty="0" smtClean="0"/>
              <a:t>lifestyle</a:t>
            </a:r>
          </a:p>
          <a:p>
            <a:r>
              <a:rPr lang="en-US" sz="3600" dirty="0" smtClean="0"/>
              <a:t>Maintaining a comfortable and welcoming experience</a:t>
            </a:r>
            <a:endParaRPr lang="en-US" sz="3600" dirty="0"/>
          </a:p>
          <a:p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27782572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341120" y="304800"/>
            <a:ext cx="9509760" cy="533400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EVER HEALTH ORGANIZATIONAL CHART</a:t>
            </a:r>
            <a:endParaRPr lang="en-US" dirty="0"/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29338771"/>
              </p:ext>
            </p:extLst>
          </p:nvPr>
        </p:nvGraphicFramePr>
        <p:xfrm>
          <a:off x="304800" y="838200"/>
          <a:ext cx="10668000" cy="5638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3835556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675640"/>
          </a:xfrm>
        </p:spPr>
        <p:txBody>
          <a:bodyPr/>
          <a:lstStyle/>
          <a:p>
            <a:r>
              <a:rPr lang="en-US" b="1" dirty="0" smtClean="0"/>
              <a:t>EVER HEALTH - 15 LOCATIONS</a:t>
            </a:r>
            <a:endParaRPr lang="en-US" b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035915841"/>
              </p:ext>
            </p:extLst>
          </p:nvPr>
        </p:nvGraphicFramePr>
        <p:xfrm>
          <a:off x="1341438" y="1371600"/>
          <a:ext cx="9509125" cy="46577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9105936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599440"/>
          </a:xfrm>
        </p:spPr>
        <p:txBody>
          <a:bodyPr>
            <a:noAutofit/>
          </a:bodyPr>
          <a:lstStyle/>
          <a:p>
            <a:r>
              <a:rPr lang="en-US" sz="4300" b="1" dirty="0" smtClean="0"/>
              <a:t>THE PROBLEM</a:t>
            </a:r>
            <a:endParaRPr lang="en-US" sz="43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1120" y="1143000"/>
            <a:ext cx="9509760" cy="4886579"/>
          </a:xfrm>
        </p:spPr>
        <p:txBody>
          <a:bodyPr>
            <a:noAutofit/>
          </a:bodyPr>
          <a:lstStyle/>
          <a:p>
            <a:r>
              <a:rPr lang="en-US" sz="4000" dirty="0" smtClean="0"/>
              <a:t>Ever Health Website is outdated and lacks any type of client functionality</a:t>
            </a:r>
          </a:p>
          <a:p>
            <a:r>
              <a:rPr lang="en-US" sz="4000" dirty="0" smtClean="0"/>
              <a:t> All information is stored locally</a:t>
            </a:r>
          </a:p>
          <a:p>
            <a:r>
              <a:rPr lang="en-US" sz="4000" dirty="0" smtClean="0"/>
              <a:t>Customers </a:t>
            </a:r>
            <a:r>
              <a:rPr lang="en-US" sz="4000" dirty="0"/>
              <a:t>must travel to </a:t>
            </a:r>
            <a:r>
              <a:rPr lang="en-US" sz="4000" dirty="0" smtClean="0"/>
              <a:t>the gym location </a:t>
            </a:r>
            <a:r>
              <a:rPr lang="en-US" sz="4000" dirty="0"/>
              <a:t>to renew or cancel their </a:t>
            </a:r>
            <a:r>
              <a:rPr lang="en-US" sz="4000" dirty="0" smtClean="0"/>
              <a:t>membership</a:t>
            </a:r>
          </a:p>
          <a:p>
            <a:r>
              <a:rPr lang="en-US" sz="4000" dirty="0"/>
              <a:t>M</a:t>
            </a:r>
            <a:r>
              <a:rPr lang="en-US" sz="4000" dirty="0" smtClean="0"/>
              <a:t>ajor hassles </a:t>
            </a:r>
            <a:r>
              <a:rPr lang="en-US" sz="4000" dirty="0"/>
              <a:t>that </a:t>
            </a:r>
            <a:r>
              <a:rPr lang="en-US" sz="4000" dirty="0" smtClean="0"/>
              <a:t>affect customer </a:t>
            </a:r>
            <a:r>
              <a:rPr lang="en-US" sz="4000" dirty="0"/>
              <a:t>retention </a:t>
            </a:r>
            <a:r>
              <a:rPr lang="en-US" sz="4000" dirty="0" smtClean="0"/>
              <a:t>rate  </a:t>
            </a:r>
          </a:p>
        </p:txBody>
      </p:sp>
    </p:spTree>
    <p:extLst>
      <p:ext uri="{BB962C8B-B14F-4D97-AF65-F5344CB8AC3E}">
        <p14:creationId xmlns:p14="http://schemas.microsoft.com/office/powerpoint/2010/main" val="2022251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anded Design Blue 16x9">
  <a:themeElements>
    <a:clrScheme name="Banded_Design_Blue">
      <a:dk1>
        <a:srgbClr val="404040"/>
      </a:dk1>
      <a:lt1>
        <a:sysClr val="window" lastClr="FFFFFF"/>
      </a:lt1>
      <a:dk2>
        <a:srgbClr val="263050"/>
      </a:dk2>
      <a:lt2>
        <a:srgbClr val="E5E8E8"/>
      </a:lt2>
      <a:accent1>
        <a:srgbClr val="77B142"/>
      </a:accent1>
      <a:accent2>
        <a:srgbClr val="E3C01E"/>
      </a:accent2>
      <a:accent3>
        <a:srgbClr val="0070C0"/>
      </a:accent3>
      <a:accent4>
        <a:srgbClr val="7556A4"/>
      </a:accent4>
      <a:accent5>
        <a:srgbClr val="F08F1E"/>
      </a:accent5>
      <a:accent6>
        <a:srgbClr val="CB3E3A"/>
      </a:accent6>
      <a:hlink>
        <a:srgbClr val="0070C0"/>
      </a:hlink>
      <a:folHlink>
        <a:srgbClr val="7556A4"/>
      </a:folHlink>
    </a:clrScheme>
    <a:fontScheme name="Module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>
          <a:gsLst>
            <a:gs pos="0">
              <a:schemeClr val="phClr">
                <a:lumMod val="0"/>
                <a:lumOff val="100000"/>
              </a:schemeClr>
            </a:gs>
            <a:gs pos="72000">
              <a:schemeClr val="phClr"/>
            </a:gs>
            <a:gs pos="100000">
              <a:schemeClr val="phClr">
                <a:lumMod val="90000"/>
              </a:schemeClr>
            </a:gs>
          </a:gsLst>
          <a:lin ang="5400000" scaled="1"/>
        </a:gradFill>
        <a:gradFill flip="none" rotWithShape="1">
          <a:gsLst>
            <a:gs pos="32000">
              <a:schemeClr val="phClr"/>
            </a:gs>
            <a:gs pos="100000">
              <a:schemeClr val="phClr">
                <a:lumMod val="75000"/>
              </a:schemeClr>
            </a:gs>
          </a:gsLst>
          <a:path path="circle">
            <a:fillToRect l="50000" t="50000" r="50000" b="50000"/>
          </a:path>
          <a:tileRect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Banded_Design_Teal">
      <a:dk1>
        <a:srgbClr val="363D3D"/>
      </a:dk1>
      <a:lt1>
        <a:sysClr val="window" lastClr="FFFFFF"/>
      </a:lt1>
      <a:dk2>
        <a:srgbClr val="000000"/>
      </a:dk2>
      <a:lt2>
        <a:srgbClr val="E5E8E8"/>
      </a:lt2>
      <a:accent1>
        <a:srgbClr val="3AAFB2"/>
      </a:accent1>
      <a:accent2>
        <a:srgbClr val="6ABD45"/>
      </a:accent2>
      <a:accent3>
        <a:srgbClr val="EBCA21"/>
      </a:accent3>
      <a:accent4>
        <a:srgbClr val="EB8D21"/>
      </a:accent4>
      <a:accent5>
        <a:srgbClr val="EB5638"/>
      </a:accent5>
      <a:accent6>
        <a:srgbClr val="5172B1"/>
      </a:accent6>
      <a:hlink>
        <a:srgbClr val="3A9CDB"/>
      </a:hlink>
      <a:folHlink>
        <a:srgbClr val="5172B1"/>
      </a:folHlink>
    </a:clrScheme>
    <a:fontScheme name="Module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Banded_Design_Teal">
      <a:dk1>
        <a:srgbClr val="363D3D"/>
      </a:dk1>
      <a:lt1>
        <a:sysClr val="window" lastClr="FFFFFF"/>
      </a:lt1>
      <a:dk2>
        <a:srgbClr val="000000"/>
      </a:dk2>
      <a:lt2>
        <a:srgbClr val="E5E8E8"/>
      </a:lt2>
      <a:accent1>
        <a:srgbClr val="3AAFB2"/>
      </a:accent1>
      <a:accent2>
        <a:srgbClr val="6ABD45"/>
      </a:accent2>
      <a:accent3>
        <a:srgbClr val="EBCA21"/>
      </a:accent3>
      <a:accent4>
        <a:srgbClr val="EB8D21"/>
      </a:accent4>
      <a:accent5>
        <a:srgbClr val="EB5638"/>
      </a:accent5>
      <a:accent6>
        <a:srgbClr val="5172B1"/>
      </a:accent6>
      <a:hlink>
        <a:srgbClr val="3A9CDB"/>
      </a:hlink>
      <a:folHlink>
        <a:srgbClr val="5172B1"/>
      </a:folHlink>
    </a:clrScheme>
    <a:fontScheme name="Module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53149403-D037-43A9-A21D-FD77B990766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Ion</Template>
  <TotalTime>0</TotalTime>
  <Words>897</Words>
  <Application>Microsoft Office PowerPoint</Application>
  <PresentationFormat>Widescreen</PresentationFormat>
  <Paragraphs>243</Paragraphs>
  <Slides>1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5" baseType="lpstr">
      <vt:lpstr>Arial</vt:lpstr>
      <vt:lpstr>Calibri</vt:lpstr>
      <vt:lpstr>Corbel</vt:lpstr>
      <vt:lpstr>Euphemia</vt:lpstr>
      <vt:lpstr>Wingdings</vt:lpstr>
      <vt:lpstr>Banded Design Blue 16x9</vt:lpstr>
      <vt:lpstr>Ever Health Technology Plan</vt:lpstr>
      <vt:lpstr>EAGLE CONSULTING ABOUT US</vt:lpstr>
      <vt:lpstr>EAGLE CONSULTING Mission</vt:lpstr>
      <vt:lpstr>EAGLE CONSULTING Vision</vt:lpstr>
      <vt:lpstr>EVER HEALTH FITNESS</vt:lpstr>
      <vt:lpstr>EVER HEALTH   Mission Statement</vt:lpstr>
      <vt:lpstr>EVER HEALTH ORGANIZATIONAL CHART</vt:lpstr>
      <vt:lpstr>EVER HEALTH - 15 LOCATIONS</vt:lpstr>
      <vt:lpstr>THE PROBLEM</vt:lpstr>
      <vt:lpstr>THE COST</vt:lpstr>
      <vt:lpstr>THE SOLUTION/ DELIVERABLES </vt:lpstr>
      <vt:lpstr>PERIPHERAL DELIVERABLES</vt:lpstr>
      <vt:lpstr>Project Completion</vt:lpstr>
      <vt:lpstr>Project Team Roles and Responsibilities</vt:lpstr>
      <vt:lpstr>PowerPoint Presentation</vt:lpstr>
      <vt:lpstr>Project Schedul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6-09-07T01:05:16Z</dcterms:created>
  <dcterms:modified xsi:type="dcterms:W3CDTF">2016-09-13T21:26:04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4172719991</vt:lpwstr>
  </property>
</Properties>
</file>